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4091F" w:rsidRPr="001E0A23" w:rsidRDefault="0014091F" w:rsidP="0014091F">
      <w:pPr>
        <w:pStyle w:val="NoSpacing"/>
        <w:rPr>
          <w:sz w:val="18"/>
        </w:rPr>
      </w:pPr>
      <w:r w:rsidRPr="001E0A23">
        <w:rPr>
          <w:sz w:val="18"/>
        </w:rPr>
        <w:t xml:space="preserve">%CCG for Turkish </w:t>
      </w:r>
      <w:r w:rsidR="0027299C">
        <w:rPr>
          <w:sz w:val="18"/>
        </w:rPr>
        <w:t>Relative Clauses, Extension to Turkish Finite-Verb Inflection</w:t>
      </w:r>
    </w:p>
    <w:p w:rsidR="0014091F" w:rsidRPr="001E0A23" w:rsidRDefault="0014091F" w:rsidP="0014091F">
      <w:pPr>
        <w:pStyle w:val="NoSpacing"/>
        <w:rPr>
          <w:sz w:val="18"/>
        </w:rPr>
      </w:pPr>
      <w:r w:rsidRPr="001E0A23">
        <w:rPr>
          <w:sz w:val="18"/>
        </w:rPr>
        <w:t>%Utku Can Kunter, April 2018</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For questions, corrections and suggestions: uckunter@gmail.com</w:t>
      </w:r>
    </w:p>
    <w:p w:rsidR="0014091F" w:rsidRPr="001E0A23" w:rsidRDefault="0014091F" w:rsidP="009E1399">
      <w:pPr>
        <w:pStyle w:val="NoSpacing"/>
        <w:rPr>
          <w:sz w:val="18"/>
        </w:rPr>
      </w:pPr>
      <w:r w:rsidRPr="001E0A23">
        <w:rPr>
          <w:sz w:val="18"/>
        </w:rPr>
        <w:t>%This is a work-in-progress, please do not judge harshly.</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Workflow:</w:t>
      </w:r>
    </w:p>
    <w:p w:rsidR="0014091F" w:rsidRPr="001E0A23" w:rsidRDefault="0014091F" w:rsidP="0014091F">
      <w:pPr>
        <w:pStyle w:val="NoSpacing"/>
        <w:rPr>
          <w:sz w:val="18"/>
        </w:rPr>
      </w:pPr>
      <w:r w:rsidRPr="001E0A23">
        <w:rPr>
          <w:sz w:val="18"/>
        </w:rPr>
        <w:t>%%(load-grammar "finite-verb-suffixes" :maker 'sbcl)</w:t>
      </w:r>
    </w:p>
    <w:p w:rsidR="0014091F" w:rsidRPr="001E0A23" w:rsidRDefault="0014091F" w:rsidP="0014091F">
      <w:pPr>
        <w:pStyle w:val="NoSpacing"/>
        <w:rPr>
          <w:sz w:val="18"/>
        </w:rPr>
      </w:pPr>
      <w:r w:rsidRPr="001E0A23">
        <w:rPr>
          <w:sz w:val="18"/>
        </w:rPr>
        <w:t>%%(ccg-deduce '(ahmet gel -di -agr))</w:t>
      </w:r>
    </w:p>
    <w:p w:rsidR="0014091F" w:rsidRPr="001E0A23" w:rsidRDefault="0014091F" w:rsidP="0014091F">
      <w:pPr>
        <w:pStyle w:val="NoSpacing"/>
        <w:rPr>
          <w:sz w:val="18"/>
        </w:rPr>
      </w:pPr>
      <w:r w:rsidRPr="001E0A23">
        <w:rPr>
          <w:sz w:val="18"/>
        </w:rPr>
        <w:t>%%(cky-show-deduction)</w:t>
      </w:r>
    </w:p>
    <w:p w:rsidR="0014091F" w:rsidRPr="001E0A23" w:rsidRDefault="0014091F" w:rsidP="0014091F">
      <w:pPr>
        <w:pStyle w:val="NoSpacing"/>
        <w:rPr>
          <w:sz w:val="18"/>
        </w:rPr>
      </w:pPr>
      <w:r w:rsidRPr="001E0A23">
        <w:rPr>
          <w:sz w:val="18"/>
        </w:rPr>
        <w:t>%%(cky-pprin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ome examples:</w:t>
      </w:r>
    </w:p>
    <w:p w:rsidR="0014091F" w:rsidRPr="001E0A23" w:rsidRDefault="0014091F" w:rsidP="0014091F">
      <w:pPr>
        <w:pStyle w:val="NoSpacing"/>
        <w:rPr>
          <w:sz w:val="18"/>
        </w:rPr>
      </w:pPr>
      <w:r w:rsidRPr="001E0A23">
        <w:rPr>
          <w:sz w:val="18"/>
        </w:rPr>
        <w:t>%%(ccg-deduce '(ahmet gel -me -di -agr))</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tems, words, phrases</w:t>
      </w:r>
    </w:p>
    <w:p w:rsidR="0014091F" w:rsidRPr="001E0A23" w:rsidRDefault="0014091F" w:rsidP="0014091F">
      <w:pPr>
        <w:pStyle w:val="NoSpacing"/>
        <w:rPr>
          <w:sz w:val="18"/>
        </w:rPr>
      </w:pPr>
      <w:r w:rsidRPr="001E0A23">
        <w:rPr>
          <w:sz w:val="18"/>
        </w:rPr>
        <w:t>%%NPs</w:t>
      </w:r>
    </w:p>
    <w:p w:rsidR="0014091F" w:rsidRPr="001E0A23" w:rsidRDefault="0014091F" w:rsidP="0014091F">
      <w:pPr>
        <w:pStyle w:val="NoSpacing"/>
        <w:rPr>
          <w:sz w:val="18"/>
        </w:rPr>
      </w:pPr>
      <w:r w:rsidRPr="001E0A23">
        <w:rPr>
          <w:sz w:val="18"/>
        </w:rPr>
        <w:t>kitap</w:t>
      </w:r>
      <w:r w:rsidRPr="001E0A23">
        <w:rPr>
          <w:sz w:val="18"/>
        </w:rPr>
        <w:tab/>
      </w:r>
      <w:r w:rsidRPr="001E0A23">
        <w:rPr>
          <w:sz w:val="18"/>
        </w:rPr>
        <w:tab/>
        <w:t>n := np[case=nom,agr=3s] : !book;</w:t>
      </w:r>
    </w:p>
    <w:p w:rsidR="0014091F" w:rsidRPr="001E0A23" w:rsidRDefault="0014091F" w:rsidP="0014091F">
      <w:pPr>
        <w:pStyle w:val="NoSpacing"/>
        <w:rPr>
          <w:sz w:val="18"/>
        </w:rPr>
      </w:pPr>
      <w:r w:rsidRPr="001E0A23">
        <w:rPr>
          <w:sz w:val="18"/>
        </w:rPr>
        <w:t>dergi</w:t>
      </w:r>
      <w:r w:rsidRPr="001E0A23">
        <w:rPr>
          <w:sz w:val="18"/>
        </w:rPr>
        <w:tab/>
      </w:r>
      <w:r w:rsidRPr="001E0A23">
        <w:rPr>
          <w:sz w:val="18"/>
        </w:rPr>
        <w:tab/>
        <w:t>n := np[case=nom,agr=3s] : !magazine;</w:t>
      </w:r>
    </w:p>
    <w:p w:rsidR="0014091F" w:rsidRPr="001E0A23" w:rsidRDefault="0014091F" w:rsidP="0014091F">
      <w:pPr>
        <w:pStyle w:val="NoSpacing"/>
        <w:rPr>
          <w:sz w:val="18"/>
        </w:rPr>
      </w:pPr>
      <w:r w:rsidRPr="001E0A23">
        <w:rPr>
          <w:sz w:val="18"/>
        </w:rPr>
        <w:t>mektup</w:t>
      </w:r>
      <w:r w:rsidRPr="001E0A23">
        <w:rPr>
          <w:sz w:val="18"/>
        </w:rPr>
        <w:tab/>
      </w:r>
      <w:r w:rsidRPr="001E0A23">
        <w:rPr>
          <w:sz w:val="18"/>
        </w:rPr>
        <w:tab/>
        <w:t>n := np[case=nom,agr=3s] : !letter;</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adam</w:t>
      </w:r>
      <w:r w:rsidRPr="001E0A23">
        <w:rPr>
          <w:sz w:val="18"/>
        </w:rPr>
        <w:tab/>
      </w:r>
      <w:r w:rsidRPr="001E0A23">
        <w:rPr>
          <w:sz w:val="18"/>
        </w:rPr>
        <w:tab/>
        <w:t>n := np[case=nom,agr=3s] : !man;</w:t>
      </w:r>
    </w:p>
    <w:p w:rsidR="0014091F" w:rsidRPr="001E0A23" w:rsidRDefault="0014091F" w:rsidP="0014091F">
      <w:pPr>
        <w:pStyle w:val="NoSpacing"/>
        <w:rPr>
          <w:sz w:val="18"/>
        </w:rPr>
      </w:pPr>
      <w:r w:rsidRPr="001E0A23">
        <w:rPr>
          <w:sz w:val="18"/>
        </w:rPr>
        <w:t>kadın</w:t>
      </w:r>
      <w:r w:rsidRPr="001E0A23">
        <w:rPr>
          <w:sz w:val="18"/>
        </w:rPr>
        <w:tab/>
      </w:r>
      <w:r w:rsidRPr="001E0A23">
        <w:rPr>
          <w:sz w:val="18"/>
        </w:rPr>
        <w:tab/>
        <w:t>n := np[case=nom,agr=3s] : !woman;</w:t>
      </w:r>
    </w:p>
    <w:p w:rsidR="0014091F" w:rsidRPr="001E0A23" w:rsidRDefault="0014091F" w:rsidP="0014091F">
      <w:pPr>
        <w:pStyle w:val="NoSpacing"/>
        <w:rPr>
          <w:sz w:val="18"/>
        </w:rPr>
      </w:pPr>
      <w:r w:rsidRPr="001E0A23">
        <w:rPr>
          <w:sz w:val="18"/>
        </w:rPr>
        <w:t>kardeş</w:t>
      </w:r>
      <w:r w:rsidRPr="001E0A23">
        <w:rPr>
          <w:sz w:val="18"/>
        </w:rPr>
        <w:tab/>
      </w:r>
      <w:r w:rsidRPr="001E0A23">
        <w:rPr>
          <w:sz w:val="18"/>
        </w:rPr>
        <w:tab/>
        <w:t>n := np[case=nom,agr=3s] : !sibling;</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goril</w:t>
      </w:r>
      <w:r w:rsidRPr="001E0A23">
        <w:rPr>
          <w:sz w:val="18"/>
        </w:rPr>
        <w:tab/>
      </w:r>
      <w:r w:rsidRPr="001E0A23">
        <w:rPr>
          <w:sz w:val="18"/>
        </w:rPr>
        <w:tab/>
        <w:t>n := np[case=nom,agr=3s] : !gorilla;</w:t>
      </w:r>
    </w:p>
    <w:p w:rsidR="0014091F" w:rsidRPr="001E0A23" w:rsidRDefault="0014091F" w:rsidP="0014091F">
      <w:pPr>
        <w:pStyle w:val="NoSpacing"/>
        <w:rPr>
          <w:sz w:val="18"/>
        </w:rPr>
      </w:pPr>
      <w:r w:rsidRPr="001E0A23">
        <w:rPr>
          <w:sz w:val="18"/>
        </w:rPr>
        <w:t>aslan</w:t>
      </w:r>
      <w:r w:rsidRPr="001E0A23">
        <w:rPr>
          <w:sz w:val="18"/>
        </w:rPr>
        <w:tab/>
      </w:r>
      <w:r w:rsidRPr="001E0A23">
        <w:rPr>
          <w:sz w:val="18"/>
        </w:rPr>
        <w:tab/>
        <w:t>n := np[case=nom,agr=3s] : !lion;</w:t>
      </w:r>
    </w:p>
    <w:p w:rsidR="0014091F" w:rsidRPr="001E0A23" w:rsidRDefault="00DF4030" w:rsidP="0014091F">
      <w:pPr>
        <w:pStyle w:val="NoSpacing"/>
        <w:rPr>
          <w:sz w:val="18"/>
        </w:rPr>
      </w:pPr>
      <w:r>
        <w:rPr>
          <w:sz w:val="18"/>
        </w:rPr>
        <w:t>fil</w:t>
      </w:r>
      <w:r>
        <w:rPr>
          <w:sz w:val="18"/>
        </w:rPr>
        <w:tab/>
      </w:r>
      <w:r>
        <w:rPr>
          <w:sz w:val="18"/>
        </w:rPr>
        <w:tab/>
      </w:r>
      <w:r w:rsidR="0014091F" w:rsidRPr="001E0A23">
        <w:rPr>
          <w:sz w:val="18"/>
        </w:rPr>
        <w:t>n := np[case=nom,agr=3s] : !elephant;</w:t>
      </w:r>
    </w:p>
    <w:p w:rsidR="0014091F" w:rsidRPr="001E0A23" w:rsidRDefault="0014091F" w:rsidP="0014091F">
      <w:pPr>
        <w:pStyle w:val="NoSpacing"/>
        <w:rPr>
          <w:sz w:val="18"/>
        </w:rPr>
      </w:pPr>
      <w:r w:rsidRPr="001E0A23">
        <w:rPr>
          <w:sz w:val="18"/>
        </w:rPr>
        <w:t>kedi</w:t>
      </w:r>
      <w:r w:rsidRPr="001E0A23">
        <w:rPr>
          <w:sz w:val="18"/>
        </w:rPr>
        <w:tab/>
      </w:r>
      <w:r w:rsidRPr="001E0A23">
        <w:rPr>
          <w:sz w:val="18"/>
        </w:rPr>
        <w:tab/>
        <w:t>n := np[case=nom,agr=3s] : !cat;</w:t>
      </w:r>
    </w:p>
    <w:p w:rsidR="0014091F" w:rsidRPr="001E0A23" w:rsidRDefault="0014091F" w:rsidP="0014091F">
      <w:pPr>
        <w:pStyle w:val="NoSpacing"/>
        <w:rPr>
          <w:sz w:val="18"/>
        </w:rPr>
      </w:pPr>
      <w:r w:rsidRPr="001E0A23">
        <w:rPr>
          <w:sz w:val="18"/>
        </w:rPr>
        <w:t>köpek</w:t>
      </w:r>
      <w:r w:rsidRPr="001E0A23">
        <w:rPr>
          <w:sz w:val="18"/>
        </w:rPr>
        <w:tab/>
      </w:r>
      <w:r w:rsidRPr="001E0A23">
        <w:rPr>
          <w:sz w:val="18"/>
        </w:rPr>
        <w:tab/>
        <w:t>n := np[case=nom,agr=3s] : !dog;</w:t>
      </w:r>
    </w:p>
    <w:p w:rsidR="0014091F" w:rsidRPr="001E0A23" w:rsidRDefault="0014091F" w:rsidP="0014091F">
      <w:pPr>
        <w:pStyle w:val="NoSpacing"/>
        <w:rPr>
          <w:sz w:val="18"/>
        </w:rPr>
      </w:pPr>
      <w:r w:rsidRPr="001E0A23">
        <w:rPr>
          <w:sz w:val="18"/>
        </w:rPr>
        <w:t>tavşan</w:t>
      </w:r>
      <w:r w:rsidRPr="001E0A23">
        <w:rPr>
          <w:sz w:val="18"/>
        </w:rPr>
        <w:tab/>
      </w:r>
      <w:r w:rsidRPr="001E0A23">
        <w:rPr>
          <w:sz w:val="18"/>
        </w:rPr>
        <w:tab/>
        <w:t>n := np[case=nom,agr=3s] : !rabbi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abah</w:t>
      </w:r>
      <w:r w:rsidRPr="001E0A23">
        <w:rPr>
          <w:sz w:val="18"/>
        </w:rPr>
        <w:tab/>
      </w:r>
      <w:r w:rsidRPr="001E0A23">
        <w:rPr>
          <w:sz w:val="18"/>
        </w:rPr>
        <w:tab/>
        <w:t>n := np[case=nom,agr=3s] : !morning;</w:t>
      </w:r>
    </w:p>
    <w:p w:rsidR="0014091F" w:rsidRPr="001E0A23" w:rsidRDefault="0014091F" w:rsidP="0014091F">
      <w:pPr>
        <w:pStyle w:val="NoSpacing"/>
        <w:rPr>
          <w:sz w:val="18"/>
        </w:rPr>
      </w:pPr>
      <w:r w:rsidRPr="001E0A23">
        <w:rPr>
          <w:sz w:val="18"/>
        </w:rPr>
        <w:t>zaman</w:t>
      </w:r>
      <w:r w:rsidRPr="001E0A23">
        <w:rPr>
          <w:sz w:val="18"/>
        </w:rPr>
        <w:tab/>
      </w:r>
      <w:r w:rsidRPr="001E0A23">
        <w:rPr>
          <w:sz w:val="18"/>
        </w:rPr>
        <w:tab/>
        <w:t>n := np[case=nom,agr=3s] : !time;</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oda</w:t>
      </w:r>
      <w:r w:rsidRPr="001E0A23">
        <w:rPr>
          <w:sz w:val="18"/>
        </w:rPr>
        <w:tab/>
      </w:r>
      <w:r w:rsidRPr="001E0A23">
        <w:rPr>
          <w:sz w:val="18"/>
        </w:rPr>
        <w:tab/>
      </w:r>
      <w:r w:rsidRPr="001E0A23">
        <w:rPr>
          <w:sz w:val="18"/>
        </w:rPr>
        <w:t>n := np[case=nom,agr=3s] : !room;</w:t>
      </w:r>
    </w:p>
    <w:p w:rsidR="0014091F" w:rsidRPr="001E0A23" w:rsidRDefault="0014091F" w:rsidP="0014091F">
      <w:pPr>
        <w:pStyle w:val="NoSpacing"/>
        <w:rPr>
          <w:sz w:val="18"/>
        </w:rPr>
      </w:pPr>
      <w:r w:rsidRPr="001E0A23">
        <w:rPr>
          <w:sz w:val="18"/>
        </w:rPr>
        <w:t>yer</w:t>
      </w:r>
      <w:r w:rsidRPr="001E0A23">
        <w:rPr>
          <w:sz w:val="18"/>
        </w:rPr>
        <w:tab/>
      </w:r>
      <w:r w:rsidRPr="001E0A23">
        <w:rPr>
          <w:sz w:val="18"/>
        </w:rPr>
        <w:tab/>
      </w:r>
      <w:r w:rsidRPr="001E0A23">
        <w:rPr>
          <w:sz w:val="18"/>
        </w:rPr>
        <w:t>n := np[case=nom,agr=3s] : !place;</w:t>
      </w:r>
    </w:p>
    <w:p w:rsidR="0014091F" w:rsidRPr="001E0A23" w:rsidRDefault="0014091F" w:rsidP="0014091F">
      <w:pPr>
        <w:pStyle w:val="NoSpacing"/>
        <w:rPr>
          <w:sz w:val="18"/>
        </w:rPr>
      </w:pPr>
      <w:r w:rsidRPr="001E0A23">
        <w:rPr>
          <w:sz w:val="18"/>
        </w:rPr>
        <w:t>ev</w:t>
      </w:r>
      <w:r w:rsidRPr="001E0A23">
        <w:rPr>
          <w:sz w:val="18"/>
        </w:rPr>
        <w:tab/>
      </w:r>
      <w:r w:rsidRPr="001E0A23">
        <w:rPr>
          <w:sz w:val="18"/>
        </w:rPr>
        <w:tab/>
      </w:r>
      <w:r w:rsidRPr="001E0A23">
        <w:rPr>
          <w:sz w:val="18"/>
        </w:rPr>
        <w:t>n := np[case=nom,agr=3s] : !house;</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üt</w:t>
      </w:r>
      <w:r w:rsidRPr="001E0A23">
        <w:rPr>
          <w:sz w:val="18"/>
        </w:rPr>
        <w:tab/>
      </w:r>
      <w:r w:rsidRPr="001E0A23">
        <w:rPr>
          <w:sz w:val="18"/>
        </w:rPr>
        <w:tab/>
      </w:r>
      <w:r w:rsidRPr="001E0A23">
        <w:rPr>
          <w:sz w:val="18"/>
        </w:rPr>
        <w:t>n := np[case=nom,agr=3s] : !milk;</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ne</w:t>
      </w:r>
      <w:r w:rsidRPr="001E0A23">
        <w:rPr>
          <w:sz w:val="18"/>
        </w:rPr>
        <w:tab/>
      </w:r>
      <w:r w:rsidRPr="001E0A23">
        <w:rPr>
          <w:sz w:val="18"/>
        </w:rPr>
        <w:tab/>
      </w:r>
      <w:r w:rsidRPr="001E0A23">
        <w:rPr>
          <w:sz w:val="18"/>
        </w:rPr>
        <w:t>n := np[case=nom,agr=3s] : !wha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NPs - Legacy</w:t>
      </w:r>
    </w:p>
    <w:p w:rsidR="0014091F" w:rsidRPr="001E0A23" w:rsidRDefault="0014091F" w:rsidP="0014091F">
      <w:pPr>
        <w:pStyle w:val="NoSpacing"/>
        <w:rPr>
          <w:sz w:val="18"/>
        </w:rPr>
      </w:pPr>
      <w:r w:rsidRPr="001E0A23">
        <w:rPr>
          <w:sz w:val="18"/>
        </w:rPr>
        <w:t>pro</w:t>
      </w:r>
      <w:r w:rsidRPr="001E0A23">
        <w:rPr>
          <w:sz w:val="18"/>
        </w:rPr>
        <w:tab/>
      </w:r>
      <w:r w:rsidRPr="001E0A23">
        <w:rPr>
          <w:sz w:val="18"/>
        </w:rPr>
        <w:tab/>
        <w:t>n := np[case=nom,agr=1s] : !speaker;</w:t>
      </w:r>
    </w:p>
    <w:p w:rsidR="0014091F" w:rsidRPr="001E0A23" w:rsidRDefault="0014091F" w:rsidP="0014091F">
      <w:pPr>
        <w:pStyle w:val="NoSpacing"/>
        <w:rPr>
          <w:sz w:val="18"/>
        </w:rPr>
      </w:pPr>
      <w:r w:rsidRPr="001E0A23">
        <w:rPr>
          <w:sz w:val="18"/>
        </w:rPr>
        <w:t>pro</w:t>
      </w:r>
      <w:r w:rsidRPr="001E0A23">
        <w:rPr>
          <w:sz w:val="18"/>
        </w:rPr>
        <w:tab/>
      </w:r>
      <w:r w:rsidRPr="001E0A23">
        <w:rPr>
          <w:sz w:val="18"/>
        </w:rPr>
        <w:tab/>
        <w:t>n := np[case=nom,agr=2s] : !hearer;</w:t>
      </w:r>
    </w:p>
    <w:p w:rsidR="0014091F" w:rsidRPr="001E0A23" w:rsidRDefault="0014091F" w:rsidP="0014091F">
      <w:pPr>
        <w:pStyle w:val="NoSpacing"/>
        <w:rPr>
          <w:sz w:val="18"/>
        </w:rPr>
      </w:pPr>
      <w:r w:rsidRPr="001E0A23">
        <w:rPr>
          <w:sz w:val="18"/>
        </w:rPr>
        <w:t>pro</w:t>
      </w:r>
      <w:r w:rsidRPr="001E0A23">
        <w:rPr>
          <w:sz w:val="18"/>
        </w:rPr>
        <w:tab/>
      </w:r>
      <w:r w:rsidRPr="001E0A23">
        <w:rPr>
          <w:sz w:val="18"/>
        </w:rPr>
        <w:tab/>
        <w:t>n := np[case=nom,agr=3s] : !third_person;</w:t>
      </w:r>
    </w:p>
    <w:p w:rsidR="0014091F" w:rsidRPr="001E0A23" w:rsidRDefault="0014091F" w:rsidP="0014091F">
      <w:pPr>
        <w:pStyle w:val="NoSpacing"/>
        <w:rPr>
          <w:sz w:val="18"/>
        </w:rPr>
      </w:pPr>
      <w:r w:rsidRPr="001E0A23">
        <w:rPr>
          <w:sz w:val="18"/>
        </w:rPr>
        <w:t>pro</w:t>
      </w:r>
      <w:r w:rsidRPr="001E0A23">
        <w:rPr>
          <w:sz w:val="18"/>
        </w:rPr>
        <w:tab/>
      </w:r>
      <w:r w:rsidRPr="001E0A23">
        <w:rPr>
          <w:sz w:val="18"/>
        </w:rPr>
        <w:tab/>
        <w:t>n := np[case=nom,agr=1p] : !team_speaker;</w:t>
      </w:r>
    </w:p>
    <w:p w:rsidR="0014091F" w:rsidRPr="001E0A23" w:rsidRDefault="0014091F" w:rsidP="0014091F">
      <w:pPr>
        <w:pStyle w:val="NoSpacing"/>
        <w:rPr>
          <w:sz w:val="18"/>
        </w:rPr>
      </w:pPr>
      <w:r w:rsidRPr="001E0A23">
        <w:rPr>
          <w:sz w:val="18"/>
        </w:rPr>
        <w:t>pro</w:t>
      </w:r>
      <w:r w:rsidRPr="001E0A23">
        <w:rPr>
          <w:sz w:val="18"/>
        </w:rPr>
        <w:tab/>
      </w:r>
      <w:r w:rsidRPr="001E0A23">
        <w:rPr>
          <w:sz w:val="18"/>
        </w:rPr>
        <w:tab/>
        <w:t>n := np[case=nom,agr=2p] : !team_hearer;</w:t>
      </w:r>
    </w:p>
    <w:p w:rsidR="0014091F" w:rsidRPr="001E0A23" w:rsidRDefault="0014091F" w:rsidP="0014091F">
      <w:pPr>
        <w:pStyle w:val="NoSpacing"/>
        <w:rPr>
          <w:sz w:val="18"/>
        </w:rPr>
      </w:pPr>
      <w:r w:rsidRPr="001E0A23">
        <w:rPr>
          <w:sz w:val="18"/>
        </w:rPr>
        <w:t>pro</w:t>
      </w:r>
      <w:r w:rsidRPr="001E0A23">
        <w:rPr>
          <w:sz w:val="18"/>
        </w:rPr>
        <w:tab/>
      </w:r>
      <w:r w:rsidRPr="001E0A23">
        <w:rPr>
          <w:sz w:val="18"/>
        </w:rPr>
        <w:tab/>
        <w:t>n := np[case=nom,agr=3p] : !team_third;</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ben </w:t>
      </w:r>
      <w:r w:rsidRPr="001E0A23">
        <w:rPr>
          <w:sz w:val="18"/>
        </w:rPr>
        <w:tab/>
      </w:r>
      <w:r w:rsidRPr="001E0A23">
        <w:rPr>
          <w:sz w:val="18"/>
        </w:rPr>
        <w:tab/>
        <w:t>n := np[case=nom,agr=1s] : !speaker;</w:t>
      </w:r>
    </w:p>
    <w:p w:rsidR="0014091F" w:rsidRPr="001E0A23" w:rsidRDefault="0014091F" w:rsidP="0014091F">
      <w:pPr>
        <w:pStyle w:val="NoSpacing"/>
        <w:rPr>
          <w:sz w:val="18"/>
        </w:rPr>
      </w:pPr>
      <w:r w:rsidRPr="001E0A23">
        <w:rPr>
          <w:sz w:val="18"/>
        </w:rPr>
        <w:t xml:space="preserve">sen </w:t>
      </w:r>
      <w:r w:rsidRPr="001E0A23">
        <w:rPr>
          <w:sz w:val="18"/>
        </w:rPr>
        <w:tab/>
      </w:r>
      <w:r w:rsidRPr="001E0A23">
        <w:rPr>
          <w:sz w:val="18"/>
        </w:rPr>
        <w:tab/>
        <w:t>n := np[case=nom,agr=2s] : !hearer;</w:t>
      </w:r>
    </w:p>
    <w:p w:rsidR="0014091F" w:rsidRPr="001E0A23" w:rsidRDefault="0014091F" w:rsidP="0014091F">
      <w:pPr>
        <w:pStyle w:val="NoSpacing"/>
        <w:rPr>
          <w:sz w:val="18"/>
        </w:rPr>
      </w:pPr>
      <w:r w:rsidRPr="001E0A23">
        <w:rPr>
          <w:sz w:val="18"/>
        </w:rPr>
        <w:t>o</w:t>
      </w:r>
      <w:r w:rsidRPr="001E0A23">
        <w:rPr>
          <w:sz w:val="18"/>
        </w:rPr>
        <w:tab/>
      </w:r>
      <w:r w:rsidRPr="001E0A23">
        <w:rPr>
          <w:sz w:val="18"/>
        </w:rPr>
        <w:tab/>
      </w:r>
      <w:r w:rsidRPr="001E0A23">
        <w:rPr>
          <w:sz w:val="18"/>
        </w:rPr>
        <w:t>n := np[case=nom,agr=3s] : !third_person;</w:t>
      </w:r>
    </w:p>
    <w:p w:rsidR="0014091F" w:rsidRPr="001E0A23" w:rsidRDefault="0014091F" w:rsidP="0014091F">
      <w:pPr>
        <w:pStyle w:val="NoSpacing"/>
        <w:rPr>
          <w:sz w:val="18"/>
        </w:rPr>
      </w:pPr>
      <w:r w:rsidRPr="001E0A23">
        <w:rPr>
          <w:sz w:val="18"/>
        </w:rPr>
        <w:t xml:space="preserve">biz </w:t>
      </w:r>
      <w:r w:rsidRPr="001E0A23">
        <w:rPr>
          <w:sz w:val="18"/>
        </w:rPr>
        <w:tab/>
      </w:r>
      <w:r w:rsidRPr="001E0A23">
        <w:rPr>
          <w:sz w:val="18"/>
        </w:rPr>
        <w:tab/>
        <w:t>n := np[case=nom,agr=1p] : !team_speaker;</w:t>
      </w:r>
    </w:p>
    <w:p w:rsidR="0014091F" w:rsidRPr="001E0A23" w:rsidRDefault="0014091F" w:rsidP="0014091F">
      <w:pPr>
        <w:pStyle w:val="NoSpacing"/>
        <w:rPr>
          <w:sz w:val="18"/>
        </w:rPr>
      </w:pPr>
      <w:r w:rsidRPr="001E0A23">
        <w:rPr>
          <w:sz w:val="18"/>
        </w:rPr>
        <w:t xml:space="preserve">siz </w:t>
      </w:r>
      <w:r w:rsidRPr="001E0A23">
        <w:rPr>
          <w:sz w:val="18"/>
        </w:rPr>
        <w:tab/>
      </w:r>
      <w:r w:rsidRPr="001E0A23">
        <w:rPr>
          <w:sz w:val="18"/>
        </w:rPr>
        <w:tab/>
        <w:t>n := np[case=nom,agr=2p] : !team_hearer;</w:t>
      </w:r>
    </w:p>
    <w:p w:rsidR="0014091F" w:rsidRPr="001E0A23" w:rsidRDefault="0014091F" w:rsidP="0014091F">
      <w:pPr>
        <w:pStyle w:val="NoSpacing"/>
        <w:rPr>
          <w:sz w:val="18"/>
        </w:rPr>
      </w:pPr>
      <w:r w:rsidRPr="001E0A23">
        <w:rPr>
          <w:sz w:val="18"/>
        </w:rPr>
        <w:t>onlar</w:t>
      </w:r>
      <w:r w:rsidRPr="001E0A23">
        <w:rPr>
          <w:sz w:val="18"/>
        </w:rPr>
        <w:tab/>
      </w:r>
      <w:r w:rsidRPr="001E0A23">
        <w:rPr>
          <w:sz w:val="18"/>
        </w:rPr>
        <w:tab/>
        <w:t>n := np[case=nom,agr=3p] : !team_third;</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söz </w:t>
      </w:r>
      <w:r w:rsidRPr="001E0A23">
        <w:rPr>
          <w:sz w:val="18"/>
        </w:rPr>
        <w:tab/>
      </w:r>
      <w:r w:rsidRPr="001E0A23">
        <w:rPr>
          <w:sz w:val="18"/>
        </w:rPr>
        <w:tab/>
        <w:t>n := np[case=nom,agr=3s] : !promise;</w:t>
      </w:r>
    </w:p>
    <w:p w:rsidR="0014091F" w:rsidRPr="001E0A23" w:rsidRDefault="0014091F" w:rsidP="0014091F">
      <w:pPr>
        <w:pStyle w:val="NoSpacing"/>
        <w:rPr>
          <w:sz w:val="18"/>
        </w:rPr>
      </w:pPr>
      <w:r w:rsidRPr="001E0A23">
        <w:rPr>
          <w:sz w:val="18"/>
        </w:rPr>
        <w:t xml:space="preserve">huzur </w:t>
      </w:r>
      <w:r w:rsidRPr="001E0A23">
        <w:rPr>
          <w:sz w:val="18"/>
        </w:rPr>
        <w:tab/>
      </w:r>
      <w:r w:rsidRPr="001E0A23">
        <w:rPr>
          <w:sz w:val="18"/>
        </w:rPr>
        <w:tab/>
        <w:t>n := np[case=nom,agr=3s] : !peace;</w:t>
      </w:r>
    </w:p>
    <w:p w:rsidR="0014091F" w:rsidRPr="001E0A23" w:rsidRDefault="0014091F" w:rsidP="0014091F">
      <w:pPr>
        <w:pStyle w:val="NoSpacing"/>
        <w:rPr>
          <w:sz w:val="18"/>
        </w:rPr>
      </w:pPr>
      <w:r w:rsidRPr="001E0A23">
        <w:rPr>
          <w:sz w:val="18"/>
        </w:rPr>
        <w:t xml:space="preserve">şeker </w:t>
      </w:r>
      <w:r w:rsidRPr="001E0A23">
        <w:rPr>
          <w:sz w:val="18"/>
        </w:rPr>
        <w:tab/>
      </w:r>
      <w:r w:rsidRPr="001E0A23">
        <w:rPr>
          <w:sz w:val="18"/>
        </w:rPr>
        <w:tab/>
        <w:t>n := np[case=nom,agr=3s] : !candy;</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komiser </w:t>
      </w:r>
      <w:r w:rsidRPr="001E0A23">
        <w:rPr>
          <w:sz w:val="18"/>
        </w:rPr>
        <w:tab/>
        <w:t>n := np[case=nom,agr=3s] : !officer;</w:t>
      </w:r>
    </w:p>
    <w:p w:rsidR="0014091F" w:rsidRPr="001E0A23" w:rsidRDefault="0014091F" w:rsidP="0014091F">
      <w:pPr>
        <w:pStyle w:val="NoSpacing"/>
        <w:rPr>
          <w:sz w:val="18"/>
        </w:rPr>
      </w:pPr>
      <w:r w:rsidRPr="001E0A23">
        <w:rPr>
          <w:sz w:val="18"/>
        </w:rPr>
        <w:t xml:space="preserve">polis </w:t>
      </w:r>
      <w:r w:rsidRPr="001E0A23">
        <w:rPr>
          <w:sz w:val="18"/>
        </w:rPr>
        <w:tab/>
      </w:r>
      <w:r w:rsidRPr="001E0A23">
        <w:rPr>
          <w:sz w:val="18"/>
        </w:rPr>
        <w:tab/>
        <w:t>n := np[case=nom,agr=3s] : !policeman;</w:t>
      </w:r>
    </w:p>
    <w:p w:rsidR="0014091F" w:rsidRPr="001E0A23" w:rsidRDefault="0014091F" w:rsidP="0014091F">
      <w:pPr>
        <w:pStyle w:val="NoSpacing"/>
        <w:rPr>
          <w:sz w:val="18"/>
        </w:rPr>
      </w:pPr>
      <w:r w:rsidRPr="001E0A23">
        <w:rPr>
          <w:sz w:val="18"/>
        </w:rPr>
        <w:t xml:space="preserve">polise </w:t>
      </w:r>
      <w:r w:rsidRPr="001E0A23">
        <w:rPr>
          <w:sz w:val="18"/>
        </w:rPr>
        <w:tab/>
      </w:r>
      <w:r w:rsidRPr="001E0A23">
        <w:rPr>
          <w:sz w:val="18"/>
        </w:rPr>
        <w:tab/>
        <w:t>n := np[case=nom,agr=3s] : !policeman;</w:t>
      </w:r>
    </w:p>
    <w:p w:rsidR="0014091F" w:rsidRPr="001E0A23" w:rsidRDefault="0014091F" w:rsidP="0014091F">
      <w:pPr>
        <w:pStyle w:val="NoSpacing"/>
        <w:rPr>
          <w:sz w:val="18"/>
        </w:rPr>
      </w:pPr>
      <w:r w:rsidRPr="001E0A23">
        <w:rPr>
          <w:sz w:val="18"/>
        </w:rPr>
        <w:t>hırsız</w:t>
      </w:r>
      <w:r w:rsidRPr="001E0A23">
        <w:rPr>
          <w:sz w:val="18"/>
        </w:rPr>
        <w:tab/>
      </w:r>
      <w:r w:rsidRPr="001E0A23">
        <w:rPr>
          <w:sz w:val="18"/>
        </w:rPr>
        <w:tab/>
        <w:t>n := np[case=nom,agr=3s] : !robber;</w:t>
      </w:r>
    </w:p>
    <w:p w:rsidR="0014091F" w:rsidRPr="001E0A23" w:rsidRDefault="0014091F" w:rsidP="0014091F">
      <w:pPr>
        <w:pStyle w:val="NoSpacing"/>
        <w:rPr>
          <w:sz w:val="18"/>
        </w:rPr>
      </w:pPr>
      <w:r w:rsidRPr="001E0A23">
        <w:rPr>
          <w:sz w:val="18"/>
        </w:rPr>
        <w:t>hırsızı</w:t>
      </w:r>
      <w:r w:rsidRPr="001E0A23">
        <w:rPr>
          <w:sz w:val="18"/>
        </w:rPr>
        <w:tab/>
      </w:r>
      <w:r w:rsidRPr="001E0A23">
        <w:rPr>
          <w:sz w:val="18"/>
        </w:rPr>
        <w:tab/>
        <w:t>n := np[case=nom,agr=3s] : !robber;</w:t>
      </w:r>
    </w:p>
    <w:p w:rsidR="0014091F" w:rsidRPr="001E0A23" w:rsidRDefault="0014091F" w:rsidP="0014091F">
      <w:pPr>
        <w:pStyle w:val="NoSpacing"/>
        <w:rPr>
          <w:sz w:val="18"/>
        </w:rPr>
      </w:pPr>
      <w:r w:rsidRPr="001E0A23">
        <w:rPr>
          <w:sz w:val="18"/>
        </w:rPr>
        <w:t>hırsızın</w:t>
      </w:r>
      <w:r w:rsidRPr="001E0A23">
        <w:rPr>
          <w:sz w:val="18"/>
        </w:rPr>
        <w:tab/>
      </w:r>
      <w:r w:rsidRPr="001E0A23">
        <w:rPr>
          <w:sz w:val="18"/>
        </w:rPr>
        <w:tab/>
      </w:r>
      <w:r w:rsidRPr="001E0A23">
        <w:rPr>
          <w:sz w:val="18"/>
        </w:rPr>
        <w:t>n := np[case=nom,agr=3s] : !robber;</w:t>
      </w:r>
    </w:p>
    <w:p w:rsidR="0014091F" w:rsidRPr="001E0A23" w:rsidRDefault="0014091F" w:rsidP="0014091F">
      <w:pPr>
        <w:pStyle w:val="NoSpacing"/>
        <w:rPr>
          <w:sz w:val="18"/>
        </w:rPr>
      </w:pPr>
      <w:r w:rsidRPr="001E0A23">
        <w:rPr>
          <w:sz w:val="18"/>
        </w:rPr>
        <w:t>hapse</w:t>
      </w:r>
      <w:r w:rsidRPr="001E0A23">
        <w:rPr>
          <w:sz w:val="18"/>
        </w:rPr>
        <w:tab/>
      </w:r>
      <w:r w:rsidRPr="001E0A23">
        <w:rPr>
          <w:sz w:val="18"/>
        </w:rPr>
        <w:tab/>
        <w:t>n := np[case=nom,agr=3s] : !to_prison;</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lastRenderedPageBreak/>
        <w:t>beşinci_ödev n := np[case=nom,agr=3s] : !fifth_asg;</w:t>
      </w:r>
    </w:p>
    <w:p w:rsidR="0014091F" w:rsidRPr="001E0A23" w:rsidRDefault="0014091F" w:rsidP="0014091F">
      <w:pPr>
        <w:pStyle w:val="NoSpacing"/>
        <w:rPr>
          <w:sz w:val="18"/>
        </w:rPr>
      </w:pPr>
      <w:r w:rsidRPr="001E0A23">
        <w:rPr>
          <w:sz w:val="18"/>
        </w:rPr>
        <w:t xml:space="preserve">borcu </w:t>
      </w:r>
      <w:r w:rsidRPr="001E0A23">
        <w:rPr>
          <w:sz w:val="18"/>
        </w:rPr>
        <w:tab/>
      </w:r>
      <w:r w:rsidRPr="001E0A23">
        <w:rPr>
          <w:sz w:val="18"/>
        </w:rPr>
        <w:tab/>
        <w:t>n := np[case=nom,agr=3s] : !loan;</w:t>
      </w:r>
    </w:p>
    <w:p w:rsidR="0014091F" w:rsidRPr="001E0A23" w:rsidRDefault="0014091F" w:rsidP="0014091F">
      <w:pPr>
        <w:pStyle w:val="NoSpacing"/>
        <w:rPr>
          <w:sz w:val="18"/>
        </w:rPr>
      </w:pPr>
      <w:r w:rsidRPr="001E0A23">
        <w:rPr>
          <w:sz w:val="18"/>
        </w:rPr>
        <w:t xml:space="preserve">araba </w:t>
      </w:r>
      <w:r w:rsidRPr="001E0A23">
        <w:rPr>
          <w:sz w:val="18"/>
        </w:rPr>
        <w:tab/>
      </w:r>
      <w:r w:rsidRPr="001E0A23">
        <w:rPr>
          <w:sz w:val="18"/>
        </w:rPr>
        <w:tab/>
        <w:t>n := np[case=nom,agr=3s] : !car;</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ahmet</w:t>
      </w:r>
      <w:r w:rsidRPr="001E0A23">
        <w:rPr>
          <w:sz w:val="18"/>
        </w:rPr>
        <w:tab/>
      </w:r>
      <w:r w:rsidRPr="001E0A23">
        <w:rPr>
          <w:sz w:val="18"/>
        </w:rPr>
        <w:tab/>
        <w:t>n := np[case=nom,agr=3s] : !ahmet;</w:t>
      </w:r>
    </w:p>
    <w:p w:rsidR="0014091F" w:rsidRPr="001E0A23" w:rsidRDefault="0014091F" w:rsidP="0014091F">
      <w:pPr>
        <w:pStyle w:val="NoSpacing"/>
        <w:rPr>
          <w:sz w:val="18"/>
        </w:rPr>
      </w:pPr>
      <w:r w:rsidRPr="001E0A23">
        <w:rPr>
          <w:sz w:val="18"/>
        </w:rPr>
        <w:t>ali</w:t>
      </w:r>
      <w:r w:rsidRPr="001E0A23">
        <w:rPr>
          <w:sz w:val="18"/>
        </w:rPr>
        <w:tab/>
      </w:r>
      <w:r w:rsidRPr="001E0A23">
        <w:rPr>
          <w:sz w:val="18"/>
        </w:rPr>
        <w:tab/>
      </w:r>
      <w:r w:rsidRPr="001E0A23">
        <w:rPr>
          <w:sz w:val="18"/>
        </w:rPr>
        <w:t>n := np[case=nom,agr=3s] : !ali;</w:t>
      </w:r>
    </w:p>
    <w:p w:rsidR="0014091F" w:rsidRPr="001E0A23" w:rsidRDefault="0014091F" w:rsidP="0014091F">
      <w:pPr>
        <w:pStyle w:val="NoSpacing"/>
        <w:rPr>
          <w:sz w:val="18"/>
        </w:rPr>
      </w:pPr>
      <w:r w:rsidRPr="001E0A23">
        <w:rPr>
          <w:sz w:val="18"/>
        </w:rPr>
        <w:t>ahmetin</w:t>
      </w:r>
      <w:r w:rsidRPr="001E0A23">
        <w:rPr>
          <w:sz w:val="18"/>
        </w:rPr>
        <w:tab/>
      </w:r>
      <w:r w:rsidR="00BA154B">
        <w:rPr>
          <w:sz w:val="18"/>
        </w:rPr>
        <w:tab/>
      </w:r>
      <w:r w:rsidRPr="001E0A23">
        <w:rPr>
          <w:sz w:val="18"/>
        </w:rPr>
        <w:t>n := np[case=nom,agr=3s] : !ahmet;</w:t>
      </w:r>
    </w:p>
    <w:p w:rsidR="0014091F" w:rsidRPr="001E0A23" w:rsidRDefault="0014091F" w:rsidP="0014091F">
      <w:pPr>
        <w:pStyle w:val="NoSpacing"/>
        <w:rPr>
          <w:sz w:val="18"/>
        </w:rPr>
      </w:pPr>
      <w:r w:rsidRPr="001E0A23">
        <w:rPr>
          <w:sz w:val="18"/>
        </w:rPr>
        <w:t>herkes</w:t>
      </w:r>
      <w:r w:rsidRPr="001E0A23">
        <w:rPr>
          <w:sz w:val="18"/>
        </w:rPr>
        <w:tab/>
      </w:r>
      <w:r w:rsidRPr="001E0A23">
        <w:rPr>
          <w:sz w:val="18"/>
        </w:rPr>
        <w:tab/>
        <w:t>n := np[case=nom,agr=3s] : !everyone;</w:t>
      </w:r>
    </w:p>
    <w:p w:rsidR="0014091F" w:rsidRPr="001E0A23" w:rsidRDefault="0014091F" w:rsidP="0014091F">
      <w:pPr>
        <w:pStyle w:val="NoSpacing"/>
        <w:rPr>
          <w:sz w:val="18"/>
        </w:rPr>
      </w:pPr>
      <w:r w:rsidRPr="001E0A23">
        <w:rPr>
          <w:sz w:val="18"/>
        </w:rPr>
        <w:t>kimse</w:t>
      </w:r>
      <w:r w:rsidRPr="001E0A23">
        <w:rPr>
          <w:sz w:val="18"/>
        </w:rPr>
        <w:tab/>
      </w:r>
      <w:r w:rsidRPr="001E0A23">
        <w:rPr>
          <w:sz w:val="18"/>
        </w:rPr>
        <w:tab/>
        <w:t>n := np[case=nom,agr=3s] : !no_one;</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onnectives</w:t>
      </w:r>
    </w:p>
    <w:p w:rsidR="0014091F" w:rsidRPr="001E0A23" w:rsidRDefault="0014091F" w:rsidP="0014091F">
      <w:pPr>
        <w:pStyle w:val="NoSpacing"/>
        <w:rPr>
          <w:sz w:val="18"/>
        </w:rPr>
      </w:pPr>
      <w:r w:rsidRPr="001E0A23">
        <w:rPr>
          <w:sz w:val="18"/>
        </w:rPr>
        <w:t>%%özel olarak aynı genitive'e bağlı possessive'ler için bir ve kuralı olmalı</w:t>
      </w:r>
    </w:p>
    <w:p w:rsidR="0014091F" w:rsidRPr="001E0A23" w:rsidRDefault="0014091F" w:rsidP="0014091F">
      <w:pPr>
        <w:pStyle w:val="NoSpacing"/>
        <w:rPr>
          <w:sz w:val="18"/>
        </w:rPr>
      </w:pPr>
      <w:r w:rsidRPr="001E0A23">
        <w:rPr>
          <w:sz w:val="18"/>
        </w:rPr>
        <w:t xml:space="preserve">ve  </w:t>
      </w:r>
      <w:r w:rsidRPr="001E0A23">
        <w:rPr>
          <w:sz w:val="18"/>
        </w:rPr>
        <w:tab/>
      </w:r>
      <w:r w:rsidRPr="001E0A23">
        <w:rPr>
          <w:sz w:val="18"/>
        </w:rPr>
        <w:tab/>
        <w:t xml:space="preserve">n := (np[case=?x1,agr=?x2]\np[case=?x1,agr=?x2])/np[case=?x1,agr=?x2] </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a1\a2.!and a1 a2;</w:t>
      </w:r>
    </w:p>
    <w:p w:rsidR="0014091F" w:rsidRPr="001E0A23" w:rsidRDefault="0014091F" w:rsidP="0014091F">
      <w:pPr>
        <w:pStyle w:val="NoSpacing"/>
        <w:rPr>
          <w:sz w:val="18"/>
        </w:rPr>
      </w:pPr>
      <w:r w:rsidRPr="001E0A23">
        <w:rPr>
          <w:sz w:val="18"/>
        </w:rPr>
        <w:t xml:space="preserve">ve </w:t>
      </w:r>
      <w:r w:rsidRPr="001E0A23">
        <w:rPr>
          <w:sz w:val="18"/>
        </w:rPr>
        <w:tab/>
      </w:r>
      <w:r w:rsidRPr="001E0A23">
        <w:rPr>
          <w:sz w:val="18"/>
        </w:rPr>
        <w:tab/>
      </w:r>
      <w:r w:rsidRPr="001E0A23">
        <w:rPr>
          <w:sz w:val="18"/>
        </w:rPr>
        <w:t>n := ((np[case=nom,agr=3s,poss_const=true]\*np[case=gen,agr=?x1])\*(np[case=nom,agr=3s,poss_const=true]</w:t>
      </w:r>
      <w:r w:rsidR="00073514">
        <w:rPr>
          <w:sz w:val="18"/>
        </w:rPr>
        <w:t xml:space="preserve"> </w:t>
      </w:r>
      <w:r w:rsidR="002F09CB">
        <w:rPr>
          <w:sz w:val="18"/>
        </w:rPr>
        <w:tab/>
      </w:r>
      <w:r w:rsidR="002F09CB">
        <w:rPr>
          <w:sz w:val="18"/>
        </w:rPr>
        <w:tab/>
      </w:r>
      <w:r w:rsidR="002F09CB">
        <w:rPr>
          <w:sz w:val="18"/>
        </w:rPr>
        <w:tab/>
      </w:r>
      <w:r w:rsidR="002F09CB">
        <w:rPr>
          <w:sz w:val="18"/>
        </w:rPr>
        <w:tab/>
      </w:r>
      <w:r w:rsidRPr="001E0A23">
        <w:rPr>
          <w:sz w:val="18"/>
        </w:rPr>
        <w:t>\*np[case=gen,agr=?x1]))/*(np[case=nom,agr=3s,poss_const=true]\*np[case=gen,agr=?x1])</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a1\a2\x.!and (a1 x) (a2 x);</w:t>
      </w:r>
    </w:p>
    <w:p w:rsidR="0014091F" w:rsidRPr="001E0A23" w:rsidRDefault="0014091F" w:rsidP="0014091F">
      <w:pPr>
        <w:pStyle w:val="NoSpacing"/>
        <w:rPr>
          <w:sz w:val="18"/>
        </w:rPr>
      </w:pPr>
      <w:r w:rsidRPr="001E0A23">
        <w:rPr>
          <w:sz w:val="18"/>
        </w:rPr>
        <w:t xml:space="preserve">ve  </w:t>
      </w:r>
      <w:r w:rsidRPr="001E0A23">
        <w:rPr>
          <w:sz w:val="18"/>
        </w:rPr>
        <w:tab/>
      </w:r>
      <w:r w:rsidRPr="001E0A23">
        <w:rPr>
          <w:sz w:val="18"/>
        </w:rPr>
        <w:tab/>
        <w:t>n := (vp\vp)/vp : \v1\v2.!and v1 v2;</w:t>
      </w:r>
    </w:p>
    <w:p w:rsidR="0014091F" w:rsidRPr="001E0A23" w:rsidRDefault="0014091F" w:rsidP="0014091F">
      <w:pPr>
        <w:pStyle w:val="NoSpacing"/>
        <w:rPr>
          <w:sz w:val="18"/>
        </w:rPr>
      </w:pPr>
      <w:r w:rsidRPr="001E0A23">
        <w:rPr>
          <w:sz w:val="18"/>
        </w:rPr>
        <w:t xml:space="preserve">ve  </w:t>
      </w:r>
      <w:r w:rsidRPr="001E0A23">
        <w:rPr>
          <w:sz w:val="18"/>
        </w:rPr>
        <w:tab/>
      </w:r>
      <w:r w:rsidRPr="001E0A23">
        <w:rPr>
          <w:sz w:val="18"/>
        </w:rPr>
        <w:tab/>
        <w:t>n := (s\s)/s : \s1\s2.!and s1 s2;</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onnectives - Legacy (not really a connective)</w:t>
      </w:r>
    </w:p>
    <w:p w:rsidR="0014091F" w:rsidRPr="001E0A23" w:rsidRDefault="0014091F" w:rsidP="0014091F">
      <w:pPr>
        <w:pStyle w:val="NoSpacing"/>
        <w:rPr>
          <w:sz w:val="18"/>
        </w:rPr>
      </w:pPr>
      <w:r w:rsidRPr="001E0A23">
        <w:rPr>
          <w:sz w:val="18"/>
        </w:rPr>
        <w:t xml:space="preserve">de </w:t>
      </w:r>
      <w:r w:rsidRPr="001E0A23">
        <w:rPr>
          <w:sz w:val="18"/>
        </w:rPr>
        <w:tab/>
      </w:r>
      <w:r w:rsidRPr="001E0A23">
        <w:rPr>
          <w:sz w:val="18"/>
        </w:rPr>
        <w:tab/>
      </w:r>
      <w:r w:rsidRPr="001E0A23">
        <w:rPr>
          <w:sz w:val="18"/>
        </w:rPr>
        <w:t>n := n</w:t>
      </w:r>
      <w:r w:rsidR="00073514">
        <w:rPr>
          <w:sz w:val="18"/>
        </w:rPr>
        <w:t>p[case=?x]\*np[case=?x] : \x.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Adjectivals</w:t>
      </w:r>
    </w:p>
    <w:p w:rsidR="0014091F" w:rsidRPr="001E0A23" w:rsidRDefault="0014091F" w:rsidP="0014091F">
      <w:pPr>
        <w:pStyle w:val="NoSpacing"/>
        <w:rPr>
          <w:sz w:val="18"/>
        </w:rPr>
      </w:pPr>
      <w:r w:rsidRPr="001E0A23">
        <w:rPr>
          <w:sz w:val="18"/>
        </w:rPr>
        <w:t>haylaz</w:t>
      </w:r>
      <w:r w:rsidRPr="001E0A23">
        <w:rPr>
          <w:sz w:val="18"/>
        </w:rPr>
        <w:tab/>
      </w:r>
      <w:r w:rsidRPr="001E0A23">
        <w:rPr>
          <w:sz w:val="18"/>
        </w:rPr>
        <w:tab/>
        <w:t>adj := np[case=?x1,agr=?x2]/*np[case=?x1,agr=?x2] : \x.!naughty x;</w:t>
      </w:r>
    </w:p>
    <w:p w:rsidR="0014091F" w:rsidRPr="001E0A23" w:rsidRDefault="0014091F" w:rsidP="0014091F">
      <w:pPr>
        <w:pStyle w:val="NoSpacing"/>
        <w:rPr>
          <w:sz w:val="18"/>
        </w:rPr>
      </w:pPr>
      <w:r w:rsidRPr="001E0A23">
        <w:rPr>
          <w:sz w:val="18"/>
        </w:rPr>
        <w:t>güçlü</w:t>
      </w:r>
      <w:r w:rsidRPr="001E0A23">
        <w:rPr>
          <w:sz w:val="18"/>
        </w:rPr>
        <w:tab/>
      </w:r>
      <w:r w:rsidRPr="001E0A23">
        <w:rPr>
          <w:sz w:val="18"/>
        </w:rPr>
        <w:tab/>
        <w:t>adj := np[case=?x1,agr=?x2]/*np[case=?x1,agr=?x2] : \x.!strong x;</w:t>
      </w:r>
    </w:p>
    <w:p w:rsidR="0014091F" w:rsidRPr="001E0A23" w:rsidRDefault="0014091F" w:rsidP="0014091F">
      <w:pPr>
        <w:pStyle w:val="NoSpacing"/>
        <w:rPr>
          <w:sz w:val="18"/>
        </w:rPr>
      </w:pPr>
      <w:r w:rsidRPr="001E0A23">
        <w:rPr>
          <w:sz w:val="18"/>
        </w:rPr>
        <w:t>yavaş</w:t>
      </w:r>
      <w:r w:rsidRPr="001E0A23">
        <w:rPr>
          <w:sz w:val="18"/>
        </w:rPr>
        <w:tab/>
      </w:r>
      <w:r w:rsidRPr="001E0A23">
        <w:rPr>
          <w:sz w:val="18"/>
        </w:rPr>
        <w:tab/>
        <w:t>adj := np[case=?x1,agr=?x2]/*np[case=?x1,agr=?x2] : \x.!slow x;</w:t>
      </w:r>
    </w:p>
    <w:p w:rsidR="0014091F" w:rsidRPr="001E0A23" w:rsidRDefault="0014091F" w:rsidP="0014091F">
      <w:pPr>
        <w:pStyle w:val="NoSpacing"/>
        <w:rPr>
          <w:sz w:val="18"/>
        </w:rPr>
      </w:pPr>
      <w:r w:rsidRPr="001E0A23">
        <w:rPr>
          <w:sz w:val="18"/>
        </w:rPr>
        <w:t>kayıp</w:t>
      </w:r>
      <w:r w:rsidRPr="001E0A23">
        <w:rPr>
          <w:sz w:val="18"/>
        </w:rPr>
        <w:tab/>
      </w:r>
      <w:r w:rsidRPr="001E0A23">
        <w:rPr>
          <w:sz w:val="18"/>
        </w:rPr>
        <w:tab/>
        <w:t>adj := np[case=?x1,agr=?x2]/*np[case=?x1,agr=?x2] : \x.!lost x;</w:t>
      </w:r>
    </w:p>
    <w:p w:rsidR="0014091F" w:rsidRPr="001E0A23" w:rsidRDefault="0014091F" w:rsidP="0014091F">
      <w:pPr>
        <w:pStyle w:val="NoSpacing"/>
        <w:rPr>
          <w:sz w:val="18"/>
        </w:rPr>
      </w:pPr>
      <w:r w:rsidRPr="001E0A23">
        <w:rPr>
          <w:sz w:val="18"/>
        </w:rPr>
        <w:t>minik</w:t>
      </w:r>
      <w:r w:rsidRPr="001E0A23">
        <w:rPr>
          <w:sz w:val="18"/>
        </w:rPr>
        <w:tab/>
      </w:r>
      <w:r w:rsidRPr="001E0A23">
        <w:rPr>
          <w:sz w:val="18"/>
        </w:rPr>
        <w:tab/>
        <w:t>adj := np[case=?x1,agr=?x2]/*np[case=?x1,agr=?x2] : \x.!tiny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haylaz</w:t>
      </w:r>
      <w:r w:rsidRPr="001E0A23">
        <w:rPr>
          <w:sz w:val="18"/>
        </w:rPr>
        <w:tab/>
      </w:r>
      <w:r w:rsidRPr="001E0A23">
        <w:rPr>
          <w:sz w:val="18"/>
        </w:rPr>
        <w:tab/>
        <w:t>v := vp[pos=0]\np[case=nom] : \x.!be_naughty x; %sv</w:t>
      </w:r>
    </w:p>
    <w:p w:rsidR="0014091F" w:rsidRPr="001E0A23" w:rsidRDefault="0014091F" w:rsidP="0014091F">
      <w:pPr>
        <w:pStyle w:val="NoSpacing"/>
        <w:rPr>
          <w:sz w:val="18"/>
        </w:rPr>
      </w:pPr>
      <w:r w:rsidRPr="001E0A23">
        <w:rPr>
          <w:sz w:val="18"/>
        </w:rPr>
        <w:t>güçlü</w:t>
      </w:r>
      <w:r w:rsidRPr="001E0A23">
        <w:rPr>
          <w:sz w:val="18"/>
        </w:rPr>
        <w:tab/>
      </w:r>
      <w:r w:rsidRPr="001E0A23">
        <w:rPr>
          <w:sz w:val="18"/>
        </w:rPr>
        <w:tab/>
        <w:t>v := vp[pos=0]\np[case=nom] : \x.!be_strong x; %sv</w:t>
      </w:r>
    </w:p>
    <w:p w:rsidR="0014091F" w:rsidRPr="001E0A23" w:rsidRDefault="0014091F" w:rsidP="0014091F">
      <w:pPr>
        <w:pStyle w:val="NoSpacing"/>
        <w:rPr>
          <w:sz w:val="18"/>
        </w:rPr>
      </w:pPr>
      <w:r w:rsidRPr="001E0A23">
        <w:rPr>
          <w:sz w:val="18"/>
        </w:rPr>
        <w:t>yavaş</w:t>
      </w:r>
      <w:r w:rsidRPr="001E0A23">
        <w:rPr>
          <w:sz w:val="18"/>
        </w:rPr>
        <w:tab/>
      </w:r>
      <w:r w:rsidRPr="001E0A23">
        <w:rPr>
          <w:sz w:val="18"/>
        </w:rPr>
        <w:tab/>
        <w:t>v := vp[pos=0]\np[case=nom] : \x.!be_slow x; %sv</w:t>
      </w:r>
    </w:p>
    <w:p w:rsidR="0014091F" w:rsidRPr="001E0A23" w:rsidRDefault="0014091F" w:rsidP="0014091F">
      <w:pPr>
        <w:pStyle w:val="NoSpacing"/>
        <w:rPr>
          <w:sz w:val="18"/>
        </w:rPr>
      </w:pPr>
      <w:r w:rsidRPr="001E0A23">
        <w:rPr>
          <w:sz w:val="18"/>
        </w:rPr>
        <w:t>kayıp</w:t>
      </w:r>
      <w:r w:rsidRPr="001E0A23">
        <w:rPr>
          <w:sz w:val="18"/>
        </w:rPr>
        <w:tab/>
      </w:r>
      <w:r w:rsidRPr="001E0A23">
        <w:rPr>
          <w:sz w:val="18"/>
        </w:rPr>
        <w:tab/>
        <w:t>v := vp[pos=0]\np[case=nom] : \x.!be_lost x; %sv</w:t>
      </w:r>
    </w:p>
    <w:p w:rsidR="0014091F" w:rsidRPr="001E0A23" w:rsidRDefault="0014091F" w:rsidP="0014091F">
      <w:pPr>
        <w:pStyle w:val="NoSpacing"/>
        <w:rPr>
          <w:sz w:val="18"/>
        </w:rPr>
      </w:pPr>
      <w:r w:rsidRPr="001E0A23">
        <w:rPr>
          <w:sz w:val="18"/>
        </w:rPr>
        <w:t>minik</w:t>
      </w:r>
      <w:r w:rsidRPr="001E0A23">
        <w:rPr>
          <w:sz w:val="18"/>
        </w:rPr>
        <w:tab/>
      </w:r>
      <w:r w:rsidRPr="001E0A23">
        <w:rPr>
          <w:sz w:val="18"/>
        </w:rPr>
        <w:tab/>
        <w:t>v := vp[pos=0]\np[case=nom] : \x.!be_tiny x; %sv</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Adverbials</w:t>
      </w:r>
    </w:p>
    <w:p w:rsidR="0014091F" w:rsidRPr="001E0A23" w:rsidRDefault="0014091F" w:rsidP="0014091F">
      <w:pPr>
        <w:pStyle w:val="NoSpacing"/>
        <w:rPr>
          <w:sz w:val="18"/>
        </w:rPr>
      </w:pPr>
      <w:r w:rsidRPr="001E0A23">
        <w:rPr>
          <w:sz w:val="18"/>
        </w:rPr>
        <w:t>%%If we assume no category other than verb based clauses (nominal, adjectival, adverbial or verb phrase) take the form X\np or X\np\np, the following are ok.</w:t>
      </w:r>
    </w:p>
    <w:p w:rsidR="0014091F" w:rsidRPr="001E0A23" w:rsidRDefault="0014091F" w:rsidP="0014091F">
      <w:pPr>
        <w:pStyle w:val="NoSpacing"/>
        <w:rPr>
          <w:sz w:val="18"/>
        </w:rPr>
      </w:pPr>
      <w:r w:rsidRPr="001E0A23">
        <w:rPr>
          <w:sz w:val="18"/>
        </w:rPr>
        <w:t>hızlıca</w:t>
      </w:r>
      <w:r w:rsidRPr="001E0A23">
        <w:rPr>
          <w:sz w:val="18"/>
        </w:rPr>
        <w:tab/>
      </w:r>
      <w:r w:rsidRPr="001E0A23">
        <w:rPr>
          <w:sz w:val="18"/>
        </w:rPr>
        <w:tab/>
        <w:t xml:space="preserve">adv := (s[agr=?x1]\np[case=?x2,agr=?x1])/*(s[agr=?x1]\np[case=?x2,agr=?x1]) </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x.p (!quickly x);</w:t>
      </w:r>
    </w:p>
    <w:p w:rsidR="0014091F" w:rsidRPr="001E0A23" w:rsidRDefault="0014091F" w:rsidP="0014091F">
      <w:pPr>
        <w:pStyle w:val="NoSpacing"/>
        <w:rPr>
          <w:sz w:val="18"/>
        </w:rPr>
      </w:pPr>
      <w:r w:rsidRPr="001E0A23">
        <w:rPr>
          <w:sz w:val="18"/>
        </w:rPr>
        <w:t>yavaşça</w:t>
      </w:r>
      <w:r w:rsidRPr="001E0A23">
        <w:rPr>
          <w:sz w:val="18"/>
        </w:rPr>
        <w:tab/>
      </w:r>
      <w:r w:rsidRPr="001E0A23">
        <w:rPr>
          <w:sz w:val="18"/>
        </w:rPr>
        <w:tab/>
        <w:t xml:space="preserve">adv := (s[agr=?x1]\np[case=?x2,agr=?x1])/*(s[agr=?x1]\np[case=?x2,agr=?x1]) </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x.p (!slowly x);</w:t>
      </w:r>
    </w:p>
    <w:p w:rsidR="0014091F" w:rsidRPr="001E0A23" w:rsidRDefault="0014091F" w:rsidP="0014091F">
      <w:pPr>
        <w:pStyle w:val="NoSpacing"/>
        <w:rPr>
          <w:sz w:val="18"/>
        </w:rPr>
      </w:pPr>
      <w:r w:rsidRPr="001E0A23">
        <w:rPr>
          <w:sz w:val="18"/>
        </w:rPr>
        <w:t>tatlıca</w:t>
      </w:r>
      <w:r w:rsidRPr="001E0A23">
        <w:rPr>
          <w:sz w:val="18"/>
        </w:rPr>
        <w:tab/>
      </w:r>
      <w:r w:rsidRPr="001E0A23">
        <w:rPr>
          <w:sz w:val="18"/>
        </w:rPr>
        <w:tab/>
        <w:t xml:space="preserve">adv := (s[agr=?x1]\np[case=?x2,agr=?x1])/*(s[agr=?x1]\np[case=?x2,agr=?x1]) </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x.p (!sweetly x);</w:t>
      </w:r>
    </w:p>
    <w:p w:rsidR="0014091F" w:rsidRPr="001E0A23" w:rsidRDefault="0014091F" w:rsidP="0014091F">
      <w:pPr>
        <w:pStyle w:val="NoSpacing"/>
        <w:rPr>
          <w:sz w:val="18"/>
        </w:rPr>
      </w:pPr>
      <w:r w:rsidRPr="001E0A23">
        <w:rPr>
          <w:sz w:val="18"/>
        </w:rPr>
        <w:t>%nedense ?x2 çalışmıyor, şimdilik hard-coded acc</w:t>
      </w:r>
    </w:p>
    <w:p w:rsidR="0014091F" w:rsidRPr="001E0A23" w:rsidRDefault="0014091F" w:rsidP="0014091F">
      <w:pPr>
        <w:pStyle w:val="NoSpacing"/>
        <w:rPr>
          <w:sz w:val="18"/>
        </w:rPr>
      </w:pPr>
      <w:r w:rsidRPr="001E0A23">
        <w:rPr>
          <w:sz w:val="18"/>
        </w:rPr>
        <w:t>hızlıca</w:t>
      </w:r>
      <w:r w:rsidRPr="001E0A23">
        <w:rPr>
          <w:sz w:val="18"/>
        </w:rPr>
        <w:tab/>
      </w:r>
      <w:r w:rsidRPr="001E0A23">
        <w:rPr>
          <w:sz w:val="18"/>
        </w:rPr>
        <w:tab/>
        <w:t xml:space="preserve">adv := ((s[agr=?x1]\*np[case=?x3,agr=?x1])\*np[case=acc])/*((s[agr=?x1]\np[case=?x3,agr=?x1])\np[case=acc]) </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a\x.p (!quickly a) x;</w:t>
      </w:r>
    </w:p>
    <w:p w:rsidR="0014091F" w:rsidRPr="001E0A23" w:rsidRDefault="0014091F" w:rsidP="0014091F">
      <w:pPr>
        <w:pStyle w:val="NoSpacing"/>
        <w:rPr>
          <w:sz w:val="18"/>
        </w:rPr>
      </w:pPr>
      <w:r w:rsidRPr="001E0A23">
        <w:rPr>
          <w:sz w:val="18"/>
        </w:rPr>
        <w:t>hızlıca</w:t>
      </w:r>
      <w:r w:rsidRPr="001E0A23">
        <w:rPr>
          <w:sz w:val="18"/>
        </w:rPr>
        <w:tab/>
      </w:r>
      <w:r w:rsidRPr="001E0A23">
        <w:rPr>
          <w:sz w:val="18"/>
        </w:rPr>
        <w:tab/>
        <w:t>adv := ((np[case=nom]/*np[case=nom])\*np[case=acc])/*((np[case=nom]/*np[case=nom])\np[case=acc])</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a\x.p (!quickly a) x;</w:t>
      </w:r>
    </w:p>
    <w:p w:rsidR="0014091F" w:rsidRPr="001E0A23" w:rsidRDefault="0014091F" w:rsidP="0014091F">
      <w:pPr>
        <w:pStyle w:val="NoSpacing"/>
        <w:rPr>
          <w:sz w:val="18"/>
        </w:rPr>
      </w:pPr>
      <w:r w:rsidRPr="001E0A23">
        <w:rPr>
          <w:sz w:val="18"/>
        </w:rPr>
        <w:t>hızlıca</w:t>
      </w:r>
      <w:r w:rsidRPr="001E0A23">
        <w:rPr>
          <w:sz w:val="18"/>
        </w:rPr>
        <w:tab/>
      </w:r>
      <w:r w:rsidRPr="001E0A23">
        <w:rPr>
          <w:sz w:val="18"/>
        </w:rPr>
        <w:tab/>
        <w:t>adv := ((np[case=nom,poss_const=true]/*np[case=nom])\*np[case=gen,agr=?x1])/*((np[case=nom,poss_const=true]/</w:t>
      </w:r>
      <w:r w:rsidR="00073514">
        <w:rPr>
          <w:sz w:val="18"/>
        </w:rPr>
        <w:t xml:space="preserve"> </w:t>
      </w:r>
      <w:r w:rsidR="005D5F0F">
        <w:rPr>
          <w:sz w:val="18"/>
        </w:rPr>
        <w:tab/>
      </w:r>
      <w:r w:rsidR="005D5F0F">
        <w:rPr>
          <w:sz w:val="18"/>
        </w:rPr>
        <w:tab/>
      </w:r>
      <w:r w:rsidR="005D5F0F">
        <w:rPr>
          <w:sz w:val="18"/>
        </w:rPr>
        <w:tab/>
      </w:r>
      <w:r w:rsidRPr="001E0A23">
        <w:rPr>
          <w:sz w:val="18"/>
        </w:rPr>
        <w:t>np[case=nom])\np[case=gen,agr=?x1])</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a\x.p (!quickly a)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yavaşça</w:t>
      </w:r>
      <w:r w:rsidRPr="001E0A23">
        <w:rPr>
          <w:sz w:val="18"/>
        </w:rPr>
        <w:tab/>
      </w:r>
      <w:r w:rsidRPr="001E0A23">
        <w:rPr>
          <w:sz w:val="18"/>
        </w:rPr>
        <w:tab/>
        <w:t xml:space="preserve">adv := ((s[agr=?x1]\*np[case=?x3,agr=?x1])\*np[case=acc])/*((s[agr=?x1]\np[case=?x3,agr=?x1])\np[case=acc]) </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a\x.p (!slowly a) x;</w:t>
      </w:r>
    </w:p>
    <w:p w:rsidR="0014091F" w:rsidRPr="001E0A23" w:rsidRDefault="0014091F" w:rsidP="0014091F">
      <w:pPr>
        <w:pStyle w:val="NoSpacing"/>
        <w:rPr>
          <w:sz w:val="18"/>
        </w:rPr>
      </w:pPr>
      <w:r w:rsidRPr="001E0A23">
        <w:rPr>
          <w:sz w:val="18"/>
        </w:rPr>
        <w:t>yavaşça</w:t>
      </w:r>
      <w:r w:rsidRPr="001E0A23">
        <w:rPr>
          <w:sz w:val="18"/>
        </w:rPr>
        <w:tab/>
      </w:r>
      <w:r w:rsidRPr="001E0A23">
        <w:rPr>
          <w:sz w:val="18"/>
        </w:rPr>
        <w:tab/>
        <w:t>adv := ((np[case=nom]/*np[case=nom])\*np[case=acc])/*((np[case=nom]/*np[case=nom])\np[case=acc])</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a\x.p (!slowly a) x;</w:t>
      </w:r>
    </w:p>
    <w:p w:rsidR="0014091F" w:rsidRPr="001E0A23" w:rsidRDefault="0014091F" w:rsidP="0014091F">
      <w:pPr>
        <w:pStyle w:val="NoSpacing"/>
        <w:rPr>
          <w:sz w:val="18"/>
        </w:rPr>
      </w:pPr>
      <w:r w:rsidRPr="001E0A23">
        <w:rPr>
          <w:sz w:val="18"/>
        </w:rPr>
        <w:t>yavaşça</w:t>
      </w:r>
      <w:r w:rsidRPr="001E0A23">
        <w:rPr>
          <w:sz w:val="18"/>
        </w:rPr>
        <w:tab/>
      </w:r>
      <w:r w:rsidRPr="001E0A23">
        <w:rPr>
          <w:sz w:val="18"/>
        </w:rPr>
        <w:tab/>
        <w:t>adv := ((np[case=nom,poss_const=true]/*np[case=nom])\*np[case=gen,agr=?x1])/*((np[case=nom,poss_const=true]/</w:t>
      </w:r>
      <w:r w:rsidR="005678B0">
        <w:rPr>
          <w:sz w:val="18"/>
        </w:rPr>
        <w:t xml:space="preserve"> </w:t>
      </w:r>
      <w:r w:rsidR="002F09CB">
        <w:rPr>
          <w:sz w:val="18"/>
        </w:rPr>
        <w:tab/>
      </w:r>
      <w:r w:rsidR="002F09CB">
        <w:rPr>
          <w:sz w:val="18"/>
        </w:rPr>
        <w:tab/>
      </w:r>
      <w:r w:rsidR="002F09CB">
        <w:rPr>
          <w:sz w:val="18"/>
        </w:rPr>
        <w:tab/>
      </w:r>
      <w:r w:rsidRPr="001E0A23">
        <w:rPr>
          <w:sz w:val="18"/>
        </w:rPr>
        <w:t>np[case=nom])\np[case=gen,agr=?x1])</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a\x.p (!slowly a)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tatlıca</w:t>
      </w:r>
      <w:r w:rsidRPr="001E0A23">
        <w:rPr>
          <w:sz w:val="18"/>
        </w:rPr>
        <w:tab/>
      </w:r>
      <w:r w:rsidRPr="001E0A23">
        <w:rPr>
          <w:sz w:val="18"/>
        </w:rPr>
        <w:tab/>
        <w:t xml:space="preserve">adv := ((s[agr=?x1]\*np[case=?x3,agr=?x1])\*np[case=acc])/*((s[agr=?x1]\np[case=?x3,agr=?x1])\np[case=acc]) </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a\x.p (!sweetly a) x;</w:t>
      </w:r>
    </w:p>
    <w:p w:rsidR="0014091F" w:rsidRPr="001E0A23" w:rsidRDefault="0014091F" w:rsidP="0014091F">
      <w:pPr>
        <w:pStyle w:val="NoSpacing"/>
        <w:rPr>
          <w:sz w:val="18"/>
        </w:rPr>
      </w:pPr>
      <w:r w:rsidRPr="001E0A23">
        <w:rPr>
          <w:sz w:val="18"/>
        </w:rPr>
        <w:t>tatlıca</w:t>
      </w:r>
      <w:r w:rsidRPr="001E0A23">
        <w:rPr>
          <w:sz w:val="18"/>
        </w:rPr>
        <w:tab/>
      </w:r>
      <w:r w:rsidRPr="001E0A23">
        <w:rPr>
          <w:sz w:val="18"/>
        </w:rPr>
        <w:tab/>
        <w:t>adv := ((np[case=nom]/*np[case=nom])\*np[case=acc])/*((np[case=nom]/*np[case=nom])\np[case=acc])</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a\x.p (!sweetly a) x;</w:t>
      </w:r>
    </w:p>
    <w:p w:rsidR="0014091F" w:rsidRPr="001E0A23" w:rsidRDefault="0014091F" w:rsidP="0014091F">
      <w:pPr>
        <w:pStyle w:val="NoSpacing"/>
        <w:rPr>
          <w:sz w:val="18"/>
        </w:rPr>
      </w:pPr>
      <w:r w:rsidRPr="001E0A23">
        <w:rPr>
          <w:sz w:val="18"/>
        </w:rPr>
        <w:t>tatlıca</w:t>
      </w:r>
      <w:r w:rsidRPr="001E0A23">
        <w:rPr>
          <w:sz w:val="18"/>
        </w:rPr>
        <w:tab/>
      </w:r>
      <w:r w:rsidRPr="001E0A23">
        <w:rPr>
          <w:sz w:val="18"/>
        </w:rPr>
        <w:tab/>
        <w:t>adv := ((np[case=nom,poss_const=true]/*np[case=nom])\*np[case=gen,agr=?x1])/*((np[case=nom,poss_const=true]/</w:t>
      </w:r>
      <w:r w:rsidR="00F571CB">
        <w:rPr>
          <w:sz w:val="18"/>
        </w:rPr>
        <w:t xml:space="preserve"> </w:t>
      </w:r>
      <w:r w:rsidR="00F571CB">
        <w:rPr>
          <w:sz w:val="18"/>
        </w:rPr>
        <w:tab/>
      </w:r>
      <w:r w:rsidR="00F571CB">
        <w:rPr>
          <w:sz w:val="18"/>
        </w:rPr>
        <w:tab/>
      </w:r>
      <w:r w:rsidR="00F571CB">
        <w:rPr>
          <w:sz w:val="18"/>
        </w:rPr>
        <w:tab/>
      </w:r>
      <w:r w:rsidRPr="001E0A23">
        <w:rPr>
          <w:sz w:val="18"/>
        </w:rPr>
        <w:t>np[case=nom])\np[case=gen,agr=?x1])</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p\a\x.p (!sweetly a)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lastRenderedPageBreak/>
        <w:t xml:space="preserve">%%Verbs </w:t>
      </w:r>
    </w:p>
    <w:p w:rsidR="0014091F" w:rsidRPr="001E0A23" w:rsidRDefault="0014091F" w:rsidP="0014091F">
      <w:pPr>
        <w:pStyle w:val="NoSpacing"/>
        <w:rPr>
          <w:sz w:val="18"/>
        </w:rPr>
      </w:pPr>
      <w:r w:rsidRPr="001E0A23">
        <w:rPr>
          <w:sz w:val="18"/>
        </w:rPr>
        <w:t>%%Modified word order is handled on verbs</w:t>
      </w:r>
    </w:p>
    <w:p w:rsidR="0014091F" w:rsidRPr="001E0A23" w:rsidRDefault="0014091F" w:rsidP="0014091F">
      <w:pPr>
        <w:pStyle w:val="NoSpacing"/>
        <w:rPr>
          <w:sz w:val="18"/>
        </w:rPr>
      </w:pPr>
      <w:r w:rsidRPr="001E0A23">
        <w:rPr>
          <w:sz w:val="18"/>
        </w:rPr>
        <w:t>oku</w:t>
      </w:r>
      <w:r w:rsidRPr="001E0A23">
        <w:rPr>
          <w:sz w:val="18"/>
        </w:rPr>
        <w:tab/>
      </w:r>
      <w:r w:rsidRPr="001E0A23">
        <w:rPr>
          <w:sz w:val="18"/>
        </w:rPr>
        <w:tab/>
      </w:r>
      <w:r w:rsidRPr="001E0A23">
        <w:rPr>
          <w:sz w:val="18"/>
        </w:rPr>
        <w:t>v := vp[pos=0]\np[case=nom] : \x.!read x; %sv</w:t>
      </w:r>
    </w:p>
    <w:p w:rsidR="0014091F" w:rsidRPr="001E0A23" w:rsidRDefault="0014091F" w:rsidP="0014091F">
      <w:pPr>
        <w:pStyle w:val="NoSpacing"/>
        <w:rPr>
          <w:sz w:val="18"/>
        </w:rPr>
      </w:pPr>
      <w:r w:rsidRPr="001E0A23">
        <w:rPr>
          <w:sz w:val="18"/>
        </w:rPr>
        <w:t>kaybol</w:t>
      </w:r>
      <w:r w:rsidRPr="001E0A23">
        <w:rPr>
          <w:sz w:val="18"/>
        </w:rPr>
        <w:tab/>
      </w:r>
      <w:r w:rsidRPr="001E0A23">
        <w:rPr>
          <w:sz w:val="18"/>
        </w:rPr>
        <w:tab/>
        <w:t>v := vp[pos=0]\np[case=nom] : \x.!get_lost x; %sv</w:t>
      </w:r>
    </w:p>
    <w:p w:rsidR="0014091F" w:rsidRPr="001E0A23" w:rsidRDefault="0014091F" w:rsidP="0014091F">
      <w:pPr>
        <w:pStyle w:val="NoSpacing"/>
        <w:rPr>
          <w:sz w:val="18"/>
        </w:rPr>
      </w:pPr>
      <w:r w:rsidRPr="001E0A23">
        <w:rPr>
          <w:sz w:val="18"/>
        </w:rPr>
        <w:t>kaç</w:t>
      </w:r>
      <w:r w:rsidRPr="001E0A23">
        <w:rPr>
          <w:sz w:val="18"/>
        </w:rPr>
        <w:tab/>
      </w:r>
      <w:r w:rsidRPr="001E0A23">
        <w:rPr>
          <w:sz w:val="18"/>
        </w:rPr>
        <w:tab/>
      </w:r>
      <w:r w:rsidRPr="001E0A23">
        <w:rPr>
          <w:sz w:val="18"/>
        </w:rPr>
        <w:t>v := vp[pos=0]\np[case=nom] : \x.!escape x; %sv</w:t>
      </w:r>
    </w:p>
    <w:p w:rsidR="0014091F" w:rsidRPr="001E0A23" w:rsidRDefault="0014091F" w:rsidP="0014091F">
      <w:pPr>
        <w:pStyle w:val="NoSpacing"/>
        <w:rPr>
          <w:sz w:val="18"/>
        </w:rPr>
      </w:pPr>
      <w:r w:rsidRPr="001E0A23">
        <w:rPr>
          <w:sz w:val="18"/>
        </w:rPr>
        <w:t>uyu</w:t>
      </w:r>
      <w:r w:rsidRPr="001E0A23">
        <w:rPr>
          <w:sz w:val="18"/>
        </w:rPr>
        <w:tab/>
      </w:r>
      <w:r w:rsidRPr="001E0A23">
        <w:rPr>
          <w:sz w:val="18"/>
        </w:rPr>
        <w:tab/>
      </w:r>
      <w:r w:rsidRPr="001E0A23">
        <w:rPr>
          <w:sz w:val="18"/>
        </w:rPr>
        <w:t>v := vp[pos=0]\np[case=nom] : \x.!sleep x; %sv</w:t>
      </w:r>
    </w:p>
    <w:p w:rsidR="0014091F" w:rsidRPr="001E0A23" w:rsidRDefault="0014091F" w:rsidP="0014091F">
      <w:pPr>
        <w:pStyle w:val="NoSpacing"/>
        <w:rPr>
          <w:sz w:val="18"/>
        </w:rPr>
      </w:pPr>
      <w:r w:rsidRPr="001E0A23">
        <w:rPr>
          <w:sz w:val="18"/>
        </w:rPr>
        <w:t>yürü</w:t>
      </w:r>
      <w:r w:rsidRPr="001E0A23">
        <w:rPr>
          <w:sz w:val="18"/>
        </w:rPr>
        <w:tab/>
      </w:r>
      <w:r w:rsidRPr="001E0A23">
        <w:rPr>
          <w:sz w:val="18"/>
        </w:rPr>
        <w:tab/>
        <w:t>v := vp[pos=0]\np[case=nom] : \x.!walk x; %sv</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oku</w:t>
      </w:r>
      <w:r w:rsidRPr="001E0A23">
        <w:rPr>
          <w:sz w:val="18"/>
        </w:rPr>
        <w:tab/>
      </w:r>
      <w:r w:rsidRPr="001E0A23">
        <w:rPr>
          <w:sz w:val="18"/>
        </w:rPr>
        <w:tab/>
      </w:r>
      <w:r w:rsidRPr="001E0A23">
        <w:rPr>
          <w:sz w:val="18"/>
        </w:rPr>
        <w:t>v := (vp[pos=0]\np[case=nom])\np[case=acc] : \y\x.!read y x; %sov</w:t>
      </w:r>
    </w:p>
    <w:p w:rsidR="0014091F" w:rsidRPr="001E0A23" w:rsidRDefault="0014091F" w:rsidP="0014091F">
      <w:pPr>
        <w:pStyle w:val="NoSpacing"/>
        <w:rPr>
          <w:sz w:val="18"/>
        </w:rPr>
      </w:pPr>
      <w:r w:rsidRPr="001E0A23">
        <w:rPr>
          <w:sz w:val="18"/>
        </w:rPr>
        <w:t>al</w:t>
      </w:r>
      <w:r w:rsidRPr="001E0A23">
        <w:rPr>
          <w:sz w:val="18"/>
        </w:rPr>
        <w:tab/>
      </w:r>
      <w:r w:rsidRPr="001E0A23">
        <w:rPr>
          <w:sz w:val="18"/>
        </w:rPr>
        <w:tab/>
      </w:r>
      <w:r w:rsidRPr="001E0A23">
        <w:rPr>
          <w:sz w:val="18"/>
        </w:rPr>
        <w:t>v := (vp[pos=0]\np[case=nom])\np[case=acc] : \y\x.!take y x; %sov</w:t>
      </w:r>
    </w:p>
    <w:p w:rsidR="0014091F" w:rsidRPr="001E0A23" w:rsidRDefault="0014091F" w:rsidP="0014091F">
      <w:pPr>
        <w:pStyle w:val="NoSpacing"/>
        <w:rPr>
          <w:sz w:val="18"/>
        </w:rPr>
      </w:pPr>
      <w:r w:rsidRPr="001E0A23">
        <w:rPr>
          <w:sz w:val="18"/>
        </w:rPr>
        <w:t>ısır</w:t>
      </w:r>
      <w:r w:rsidRPr="001E0A23">
        <w:rPr>
          <w:sz w:val="18"/>
        </w:rPr>
        <w:tab/>
      </w:r>
      <w:r w:rsidRPr="001E0A23">
        <w:rPr>
          <w:sz w:val="18"/>
        </w:rPr>
        <w:tab/>
        <w:t>v := (vp[pos=0]\np[case=nom])\np[case=acc] : \y\x.!bite y x; %sov</w:t>
      </w:r>
    </w:p>
    <w:p w:rsidR="0014091F" w:rsidRPr="001E0A23" w:rsidRDefault="0014091F" w:rsidP="0014091F">
      <w:pPr>
        <w:pStyle w:val="NoSpacing"/>
        <w:rPr>
          <w:sz w:val="18"/>
        </w:rPr>
      </w:pPr>
      <w:r w:rsidRPr="001E0A23">
        <w:rPr>
          <w:sz w:val="18"/>
        </w:rPr>
        <w:t>gör</w:t>
      </w:r>
      <w:r w:rsidRPr="001E0A23">
        <w:rPr>
          <w:sz w:val="18"/>
        </w:rPr>
        <w:tab/>
      </w:r>
      <w:r w:rsidRPr="001E0A23">
        <w:rPr>
          <w:sz w:val="18"/>
        </w:rPr>
        <w:tab/>
      </w:r>
      <w:r w:rsidRPr="001E0A23">
        <w:rPr>
          <w:sz w:val="18"/>
        </w:rPr>
        <w:t>v := (vp[pos=0]\np[case=nom])\np[case=acc] : \y\x.!see y x; %sov</w:t>
      </w:r>
    </w:p>
    <w:p w:rsidR="0014091F" w:rsidRPr="001E0A23" w:rsidRDefault="0014091F" w:rsidP="0014091F">
      <w:pPr>
        <w:pStyle w:val="NoSpacing"/>
        <w:rPr>
          <w:sz w:val="18"/>
        </w:rPr>
      </w:pPr>
      <w:r w:rsidRPr="001E0A23">
        <w:rPr>
          <w:sz w:val="18"/>
        </w:rPr>
        <w:t>öp</w:t>
      </w:r>
      <w:r w:rsidRPr="001E0A23">
        <w:rPr>
          <w:sz w:val="18"/>
        </w:rPr>
        <w:tab/>
      </w:r>
      <w:r w:rsidRPr="001E0A23">
        <w:rPr>
          <w:sz w:val="18"/>
        </w:rPr>
        <w:tab/>
      </w:r>
      <w:r w:rsidRPr="001E0A23">
        <w:rPr>
          <w:sz w:val="18"/>
        </w:rPr>
        <w:t>v := (vp[pos=0]\np[case=nom])\np[case=acc] : \y\x.!kiss y x; %sov</w:t>
      </w:r>
    </w:p>
    <w:p w:rsidR="0014091F" w:rsidRPr="001E0A23" w:rsidRDefault="0014091F" w:rsidP="0014091F">
      <w:pPr>
        <w:pStyle w:val="NoSpacing"/>
        <w:rPr>
          <w:sz w:val="18"/>
        </w:rPr>
      </w:pPr>
      <w:r w:rsidRPr="001E0A23">
        <w:rPr>
          <w:sz w:val="18"/>
        </w:rPr>
        <w:t>vur</w:t>
      </w:r>
      <w:r w:rsidRPr="001E0A23">
        <w:rPr>
          <w:sz w:val="18"/>
        </w:rPr>
        <w:tab/>
      </w:r>
      <w:r w:rsidRPr="001E0A23">
        <w:rPr>
          <w:sz w:val="18"/>
        </w:rPr>
        <w:tab/>
      </w:r>
      <w:r w:rsidRPr="001E0A23">
        <w:rPr>
          <w:sz w:val="18"/>
        </w:rPr>
        <w:t>v := (vp[pos=0]\np[case=nom])\np[case=acc] : \y\x.!hit y x; %sov</w:t>
      </w:r>
    </w:p>
    <w:p w:rsidR="0014091F" w:rsidRPr="001E0A23" w:rsidRDefault="0014091F" w:rsidP="0014091F">
      <w:pPr>
        <w:pStyle w:val="NoSpacing"/>
        <w:rPr>
          <w:sz w:val="18"/>
        </w:rPr>
      </w:pPr>
      <w:r w:rsidRPr="001E0A23">
        <w:rPr>
          <w:sz w:val="18"/>
        </w:rPr>
        <w:t>kaç</w:t>
      </w:r>
      <w:r w:rsidRPr="001E0A23">
        <w:rPr>
          <w:sz w:val="18"/>
        </w:rPr>
        <w:tab/>
      </w:r>
      <w:r w:rsidRPr="001E0A23">
        <w:rPr>
          <w:sz w:val="18"/>
        </w:rPr>
        <w:tab/>
      </w:r>
      <w:r w:rsidRPr="001E0A23">
        <w:rPr>
          <w:sz w:val="18"/>
        </w:rPr>
        <w:t>v := (vp[pos=0]\np[case=nom])\np[case=abl] : \y\x.!escape y x; %sov</w:t>
      </w:r>
    </w:p>
    <w:p w:rsidR="0014091F" w:rsidRPr="001E0A23" w:rsidRDefault="0014091F" w:rsidP="0014091F">
      <w:pPr>
        <w:pStyle w:val="NoSpacing"/>
        <w:rPr>
          <w:sz w:val="18"/>
        </w:rPr>
      </w:pPr>
      <w:r w:rsidRPr="001E0A23">
        <w:rPr>
          <w:sz w:val="18"/>
        </w:rPr>
        <w:t>gönder</w:t>
      </w:r>
      <w:r w:rsidRPr="001E0A23">
        <w:rPr>
          <w:sz w:val="18"/>
        </w:rPr>
        <w:tab/>
      </w:r>
      <w:r w:rsidRPr="001E0A23">
        <w:rPr>
          <w:sz w:val="18"/>
        </w:rPr>
        <w:tab/>
        <w:t>v := (vp[pos=0]\np[case=nom])\np[case=acc] : \y\x.!send y x; %sov</w:t>
      </w:r>
    </w:p>
    <w:p w:rsidR="0014091F" w:rsidRPr="001E0A23" w:rsidRDefault="0014091F" w:rsidP="0014091F">
      <w:pPr>
        <w:pStyle w:val="NoSpacing"/>
        <w:rPr>
          <w:sz w:val="18"/>
        </w:rPr>
      </w:pPr>
      <w:r w:rsidRPr="001E0A23">
        <w:rPr>
          <w:sz w:val="18"/>
        </w:rPr>
        <w:t>it</w:t>
      </w:r>
      <w:r w:rsidRPr="001E0A23">
        <w:rPr>
          <w:sz w:val="18"/>
        </w:rPr>
        <w:tab/>
      </w:r>
      <w:r w:rsidRPr="001E0A23">
        <w:rPr>
          <w:sz w:val="18"/>
        </w:rPr>
        <w:tab/>
      </w:r>
      <w:r w:rsidRPr="001E0A23">
        <w:rPr>
          <w:sz w:val="18"/>
        </w:rPr>
        <w:t>v := (vp[pos=0]\np[case=nom])\np[case=acc] : \y\x.!push y x; %sov</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ase Markers</w:t>
      </w:r>
    </w:p>
    <w:p w:rsidR="0014091F" w:rsidRPr="001E0A23" w:rsidRDefault="0014091F" w:rsidP="0014091F">
      <w:pPr>
        <w:pStyle w:val="NoSpacing"/>
        <w:rPr>
          <w:sz w:val="18"/>
        </w:rPr>
      </w:pPr>
      <w:r w:rsidRPr="001E0A23">
        <w:rPr>
          <w:sz w:val="18"/>
        </w:rPr>
        <w:t>%%% \* instead of \\ because relative clauses may be composed of multiple words</w:t>
      </w:r>
    </w:p>
    <w:p w:rsidR="0014091F" w:rsidRPr="001E0A23" w:rsidRDefault="0014091F" w:rsidP="0014091F">
      <w:pPr>
        <w:pStyle w:val="NoSpacing"/>
        <w:rPr>
          <w:sz w:val="18"/>
        </w:rPr>
      </w:pPr>
      <w:r w:rsidRPr="001E0A23">
        <w:rPr>
          <w:sz w:val="18"/>
        </w:rPr>
        <w:t>%%%If we use \\, we would need an additional set of rules for non-finite verbs</w:t>
      </w:r>
    </w:p>
    <w:p w:rsidR="0014091F" w:rsidRPr="001E0A23" w:rsidRDefault="0014091F" w:rsidP="0014091F">
      <w:pPr>
        <w:pStyle w:val="NoSpacing"/>
        <w:rPr>
          <w:sz w:val="18"/>
        </w:rPr>
      </w:pPr>
      <w:r w:rsidRPr="001E0A23">
        <w:rPr>
          <w:sz w:val="18"/>
        </w:rPr>
        <w:t>-i</w:t>
      </w:r>
      <w:r w:rsidRPr="001E0A23">
        <w:rPr>
          <w:sz w:val="18"/>
        </w:rPr>
        <w:tab/>
      </w:r>
      <w:r w:rsidRPr="001E0A23">
        <w:rPr>
          <w:sz w:val="18"/>
        </w:rPr>
        <w:tab/>
      </w:r>
      <w:r w:rsidRPr="001E0A23">
        <w:rPr>
          <w:sz w:val="18"/>
        </w:rPr>
        <w:t>c := np[case=acc]\*np[case=nom] : \x.x;</w:t>
      </w:r>
    </w:p>
    <w:p w:rsidR="0014091F" w:rsidRPr="001E0A23" w:rsidRDefault="0014091F" w:rsidP="0014091F">
      <w:pPr>
        <w:pStyle w:val="NoSpacing"/>
        <w:rPr>
          <w:sz w:val="18"/>
        </w:rPr>
      </w:pPr>
      <w:r w:rsidRPr="001E0A23">
        <w:rPr>
          <w:sz w:val="18"/>
        </w:rPr>
        <w:t>-e</w:t>
      </w:r>
      <w:r w:rsidRPr="001E0A23">
        <w:rPr>
          <w:sz w:val="18"/>
        </w:rPr>
        <w:tab/>
      </w:r>
      <w:r w:rsidRPr="001E0A23">
        <w:rPr>
          <w:sz w:val="18"/>
        </w:rPr>
        <w:tab/>
      </w:r>
      <w:r w:rsidRPr="001E0A23">
        <w:rPr>
          <w:sz w:val="18"/>
        </w:rPr>
        <w:t>c := np[case=dat]\*np[case=nom] : \x.x;</w:t>
      </w:r>
    </w:p>
    <w:p w:rsidR="0014091F" w:rsidRPr="001E0A23" w:rsidRDefault="0014091F" w:rsidP="0014091F">
      <w:pPr>
        <w:pStyle w:val="NoSpacing"/>
        <w:rPr>
          <w:sz w:val="18"/>
        </w:rPr>
      </w:pPr>
      <w:r w:rsidRPr="001E0A23">
        <w:rPr>
          <w:sz w:val="18"/>
        </w:rPr>
        <w:t>-de</w:t>
      </w:r>
      <w:r w:rsidRPr="001E0A23">
        <w:rPr>
          <w:sz w:val="18"/>
        </w:rPr>
        <w:tab/>
      </w:r>
      <w:r w:rsidRPr="001E0A23">
        <w:rPr>
          <w:sz w:val="18"/>
        </w:rPr>
        <w:tab/>
      </w:r>
      <w:r w:rsidRPr="001E0A23">
        <w:rPr>
          <w:sz w:val="18"/>
        </w:rPr>
        <w:t>c := np[case=loc]\*np[case=nom] : \x.x;</w:t>
      </w:r>
    </w:p>
    <w:p w:rsidR="0014091F" w:rsidRPr="001E0A23" w:rsidRDefault="0014091F" w:rsidP="0014091F">
      <w:pPr>
        <w:pStyle w:val="NoSpacing"/>
        <w:rPr>
          <w:sz w:val="18"/>
        </w:rPr>
      </w:pPr>
      <w:r w:rsidRPr="001E0A23">
        <w:rPr>
          <w:sz w:val="18"/>
        </w:rPr>
        <w:t>-den</w:t>
      </w:r>
      <w:r w:rsidRPr="001E0A23">
        <w:rPr>
          <w:sz w:val="18"/>
        </w:rPr>
        <w:tab/>
      </w:r>
      <w:r w:rsidRPr="001E0A23">
        <w:rPr>
          <w:sz w:val="18"/>
        </w:rPr>
        <w:tab/>
        <w:t>c := np[case=abl]\*np[case=nom] : \x.x;</w:t>
      </w:r>
    </w:p>
    <w:p w:rsidR="0014091F" w:rsidRPr="001E0A23" w:rsidRDefault="0014091F" w:rsidP="0014091F">
      <w:pPr>
        <w:pStyle w:val="NoSpacing"/>
        <w:rPr>
          <w:sz w:val="18"/>
        </w:rPr>
      </w:pPr>
      <w:r w:rsidRPr="001E0A23">
        <w:rPr>
          <w:sz w:val="18"/>
        </w:rPr>
        <w:t>%-den</w:t>
      </w:r>
      <w:r w:rsidRPr="001E0A23">
        <w:rPr>
          <w:sz w:val="18"/>
        </w:rPr>
        <w:tab/>
      </w:r>
      <w:r w:rsidRPr="001E0A23">
        <w:rPr>
          <w:sz w:val="18"/>
        </w:rPr>
        <w:tab/>
        <w:t>c := np[case=abl]\*np[case=nom] : \x.!among x;</w:t>
      </w:r>
    </w:p>
    <w:p w:rsidR="0014091F" w:rsidRPr="001E0A23" w:rsidRDefault="0014091F" w:rsidP="0014091F">
      <w:pPr>
        <w:pStyle w:val="NoSpacing"/>
        <w:rPr>
          <w:sz w:val="18"/>
        </w:rPr>
      </w:pPr>
      <w:r w:rsidRPr="001E0A23">
        <w:rPr>
          <w:sz w:val="18"/>
        </w:rPr>
        <w:t>-in</w:t>
      </w:r>
      <w:r w:rsidRPr="001E0A23">
        <w:rPr>
          <w:sz w:val="18"/>
        </w:rPr>
        <w:tab/>
      </w:r>
      <w:r w:rsidRPr="001E0A23">
        <w:rPr>
          <w:sz w:val="18"/>
        </w:rPr>
        <w:tab/>
      </w:r>
      <w:r w:rsidRPr="001E0A23">
        <w:rPr>
          <w:sz w:val="18"/>
        </w:rPr>
        <w:t xml:space="preserve">c := np[case=gen,agr=?x1]\*np[case=nom,agr=?x1] : \x.x; %all agr except 1s </w:t>
      </w:r>
    </w:p>
    <w:p w:rsidR="0014091F" w:rsidRPr="001E0A23" w:rsidRDefault="0014091F" w:rsidP="0014091F">
      <w:pPr>
        <w:pStyle w:val="NoSpacing"/>
        <w:rPr>
          <w:sz w:val="18"/>
        </w:rPr>
      </w:pPr>
      <w:r w:rsidRPr="001E0A23">
        <w:rPr>
          <w:sz w:val="18"/>
        </w:rPr>
        <w:t>-im</w:t>
      </w:r>
      <w:r w:rsidRPr="001E0A23">
        <w:rPr>
          <w:sz w:val="18"/>
        </w:rPr>
        <w:tab/>
      </w:r>
      <w:r w:rsidRPr="001E0A23">
        <w:rPr>
          <w:sz w:val="18"/>
        </w:rPr>
        <w:tab/>
      </w:r>
      <w:r w:rsidRPr="001E0A23">
        <w:rPr>
          <w:sz w:val="18"/>
        </w:rPr>
        <w:t>c := np[case=gen,agr=1s]\*np[case=nom,agr=1s]</w:t>
      </w:r>
      <w:r w:rsidR="00774F50">
        <w:rPr>
          <w:sz w:val="18"/>
        </w:rPr>
        <w:t xml:space="preserve"> </w:t>
      </w:r>
      <w:r w:rsidRPr="001E0A23">
        <w:rPr>
          <w:sz w:val="18"/>
        </w:rPr>
        <w:t>: \x.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ase markers can also convert an adjective to a case marked np</w:t>
      </w:r>
    </w:p>
    <w:p w:rsidR="0014091F" w:rsidRPr="001E0A23" w:rsidRDefault="0014091F" w:rsidP="0014091F">
      <w:pPr>
        <w:pStyle w:val="NoSpacing"/>
        <w:rPr>
          <w:sz w:val="18"/>
        </w:rPr>
      </w:pPr>
      <w:r w:rsidRPr="001E0A23">
        <w:rPr>
          <w:sz w:val="18"/>
        </w:rPr>
        <w:t>%şimdilik ortalık karışmasın</w:t>
      </w:r>
    </w:p>
    <w:p w:rsidR="0014091F" w:rsidRPr="001E0A23" w:rsidRDefault="0014091F" w:rsidP="0014091F">
      <w:pPr>
        <w:pStyle w:val="NoSpacing"/>
        <w:rPr>
          <w:sz w:val="18"/>
        </w:rPr>
      </w:pPr>
      <w:r w:rsidRPr="001E0A23">
        <w:rPr>
          <w:sz w:val="18"/>
        </w:rPr>
        <w:t>%-i</w:t>
      </w:r>
      <w:r w:rsidRPr="001E0A23">
        <w:rPr>
          <w:sz w:val="18"/>
        </w:rPr>
        <w:tab/>
      </w:r>
      <w:r w:rsidRPr="001E0A23">
        <w:rPr>
          <w:sz w:val="18"/>
        </w:rPr>
        <w:tab/>
      </w:r>
      <w:r w:rsidRPr="001E0A23">
        <w:rPr>
          <w:sz w:val="18"/>
        </w:rPr>
        <w:t>c := np[case=acc]\*(np/np) : \x.x;</w:t>
      </w:r>
    </w:p>
    <w:p w:rsidR="0014091F" w:rsidRPr="001E0A23" w:rsidRDefault="0014091F" w:rsidP="0014091F">
      <w:pPr>
        <w:pStyle w:val="NoSpacing"/>
        <w:rPr>
          <w:sz w:val="18"/>
        </w:rPr>
      </w:pPr>
      <w:r w:rsidRPr="001E0A23">
        <w:rPr>
          <w:sz w:val="18"/>
        </w:rPr>
        <w:t>%-e</w:t>
      </w:r>
      <w:r w:rsidRPr="001E0A23">
        <w:rPr>
          <w:sz w:val="18"/>
        </w:rPr>
        <w:tab/>
      </w:r>
      <w:r w:rsidRPr="001E0A23">
        <w:rPr>
          <w:sz w:val="18"/>
        </w:rPr>
        <w:tab/>
      </w:r>
      <w:r w:rsidRPr="001E0A23">
        <w:rPr>
          <w:sz w:val="18"/>
        </w:rPr>
        <w:t>c := np[case=dat]\*(np/np) : \x.x;</w:t>
      </w:r>
    </w:p>
    <w:p w:rsidR="0014091F" w:rsidRPr="001E0A23" w:rsidRDefault="0014091F" w:rsidP="0014091F">
      <w:pPr>
        <w:pStyle w:val="NoSpacing"/>
        <w:rPr>
          <w:sz w:val="18"/>
        </w:rPr>
      </w:pPr>
      <w:r w:rsidRPr="001E0A23">
        <w:rPr>
          <w:sz w:val="18"/>
        </w:rPr>
        <w:t>%-de</w:t>
      </w:r>
      <w:r w:rsidRPr="001E0A23">
        <w:rPr>
          <w:sz w:val="18"/>
        </w:rPr>
        <w:tab/>
      </w:r>
      <w:r w:rsidRPr="001E0A23">
        <w:rPr>
          <w:sz w:val="18"/>
        </w:rPr>
        <w:tab/>
        <w:t>c := np[case=loc]\*(np/np) : \x.x;</w:t>
      </w:r>
    </w:p>
    <w:p w:rsidR="0014091F" w:rsidRPr="001E0A23" w:rsidRDefault="0014091F" w:rsidP="0014091F">
      <w:pPr>
        <w:pStyle w:val="NoSpacing"/>
        <w:rPr>
          <w:sz w:val="18"/>
        </w:rPr>
      </w:pPr>
      <w:r w:rsidRPr="001E0A23">
        <w:rPr>
          <w:sz w:val="18"/>
        </w:rPr>
        <w:t>%-den</w:t>
      </w:r>
      <w:r w:rsidRPr="001E0A23">
        <w:rPr>
          <w:sz w:val="18"/>
        </w:rPr>
        <w:tab/>
      </w:r>
      <w:r w:rsidRPr="001E0A23">
        <w:rPr>
          <w:sz w:val="18"/>
        </w:rPr>
        <w:tab/>
        <w:t>c := np[case=abl]\*(np/np) : \x.x;</w:t>
      </w:r>
    </w:p>
    <w:p w:rsidR="0014091F" w:rsidRPr="001E0A23" w:rsidRDefault="0014091F" w:rsidP="0014091F">
      <w:pPr>
        <w:pStyle w:val="NoSpacing"/>
        <w:rPr>
          <w:sz w:val="18"/>
        </w:rPr>
      </w:pPr>
      <w:r w:rsidRPr="001E0A23">
        <w:rPr>
          <w:sz w:val="18"/>
        </w:rPr>
        <w:t>%-den</w:t>
      </w:r>
      <w:r w:rsidRPr="001E0A23">
        <w:rPr>
          <w:sz w:val="18"/>
        </w:rPr>
        <w:tab/>
      </w:r>
      <w:r w:rsidRPr="001E0A23">
        <w:rPr>
          <w:sz w:val="18"/>
        </w:rPr>
        <w:tab/>
        <w:t>c := np[case=abl]\*(np/np) : \x.!among x;</w:t>
      </w:r>
    </w:p>
    <w:p w:rsidR="0014091F" w:rsidRPr="001E0A23" w:rsidRDefault="0014091F" w:rsidP="0014091F">
      <w:pPr>
        <w:pStyle w:val="NoSpacing"/>
        <w:rPr>
          <w:sz w:val="18"/>
        </w:rPr>
      </w:pPr>
      <w:r w:rsidRPr="001E0A23">
        <w:rPr>
          <w:sz w:val="18"/>
        </w:rPr>
        <w:t>%-in</w:t>
      </w:r>
      <w:r w:rsidRPr="001E0A23">
        <w:rPr>
          <w:sz w:val="18"/>
        </w:rPr>
        <w:tab/>
      </w:r>
      <w:r w:rsidRPr="001E0A23">
        <w:rPr>
          <w:sz w:val="18"/>
        </w:rPr>
        <w:tab/>
        <w:t>c := (np[ca</w:t>
      </w:r>
      <w:r w:rsidR="00F91149">
        <w:rPr>
          <w:sz w:val="18"/>
        </w:rPr>
        <w:t xml:space="preserve">se=gen]\*np[case=nom])\*(np/np) </w:t>
      </w:r>
      <w:r w:rsidRPr="001E0A23">
        <w:rPr>
          <w:sz w:val="18"/>
        </w:rPr>
        <w:t xml:space="preserve">: \x.x; %all agr except 1s </w:t>
      </w:r>
    </w:p>
    <w:p w:rsidR="0014091F" w:rsidRPr="001E0A23" w:rsidRDefault="0014091F" w:rsidP="0014091F">
      <w:pPr>
        <w:pStyle w:val="NoSpacing"/>
        <w:rPr>
          <w:sz w:val="18"/>
        </w:rPr>
      </w:pPr>
      <w:r w:rsidRPr="001E0A23">
        <w:rPr>
          <w:sz w:val="18"/>
        </w:rPr>
        <w:t>%-im</w:t>
      </w:r>
      <w:r w:rsidRPr="001E0A23">
        <w:rPr>
          <w:sz w:val="18"/>
        </w:rPr>
        <w:tab/>
      </w:r>
      <w:r w:rsidRPr="001E0A23">
        <w:rPr>
          <w:sz w:val="18"/>
        </w:rPr>
        <w:tab/>
        <w:t>c := (np[case=gen,agr=1s]\*np[case=nom])\*(np/np)</w:t>
      </w:r>
      <w:r w:rsidR="00F91149">
        <w:rPr>
          <w:sz w:val="18"/>
        </w:rPr>
        <w:t xml:space="preserve"> </w:t>
      </w:r>
      <w:r w:rsidRPr="001E0A23">
        <w:rPr>
          <w:sz w:val="18"/>
        </w:rPr>
        <w:t>: \x.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possessive: "senin kitabın"</w:t>
      </w:r>
    </w:p>
    <w:p w:rsidR="0014091F" w:rsidRPr="001E0A23" w:rsidRDefault="0014091F" w:rsidP="0014091F">
      <w:pPr>
        <w:pStyle w:val="NoSpacing"/>
        <w:rPr>
          <w:sz w:val="18"/>
        </w:rPr>
      </w:pPr>
      <w:r w:rsidRPr="001E0A23">
        <w:rPr>
          <w:sz w:val="18"/>
        </w:rPr>
        <w:t>-im</w:t>
      </w:r>
      <w:r w:rsidRPr="001E0A23">
        <w:rPr>
          <w:sz w:val="18"/>
        </w:rPr>
        <w:tab/>
      </w:r>
      <w:r w:rsidRPr="001E0A23">
        <w:rPr>
          <w:sz w:val="18"/>
        </w:rPr>
        <w:tab/>
      </w:r>
      <w:r w:rsidRPr="001E0A23">
        <w:rPr>
          <w:sz w:val="18"/>
        </w:rPr>
        <w:t>c := (np[case=nom,agr=3s,poss_const=true]\*np[case=gen,agr=1s])\*np[case=nom,poss_const=false] : \y\x.y x;</w:t>
      </w:r>
    </w:p>
    <w:p w:rsidR="0014091F" w:rsidRPr="001E0A23" w:rsidRDefault="0014091F" w:rsidP="0014091F">
      <w:pPr>
        <w:pStyle w:val="NoSpacing"/>
        <w:rPr>
          <w:sz w:val="18"/>
        </w:rPr>
      </w:pPr>
      <w:r w:rsidRPr="001E0A23">
        <w:rPr>
          <w:sz w:val="18"/>
        </w:rPr>
        <w:t>-in</w:t>
      </w:r>
      <w:r w:rsidRPr="001E0A23">
        <w:rPr>
          <w:sz w:val="18"/>
        </w:rPr>
        <w:tab/>
      </w:r>
      <w:r w:rsidRPr="001E0A23">
        <w:rPr>
          <w:sz w:val="18"/>
        </w:rPr>
        <w:tab/>
      </w:r>
      <w:r w:rsidRPr="001E0A23">
        <w:rPr>
          <w:sz w:val="18"/>
        </w:rPr>
        <w:t>c := (np[case=nom,agr=3s,poss_const=true]\*np[case=gen,agr=2s])\*np[case=nom,poss_const=false] : \y\x.y x;</w:t>
      </w:r>
    </w:p>
    <w:p w:rsidR="0014091F" w:rsidRPr="001E0A23" w:rsidRDefault="0014091F" w:rsidP="0014091F">
      <w:pPr>
        <w:pStyle w:val="NoSpacing"/>
        <w:rPr>
          <w:sz w:val="18"/>
        </w:rPr>
      </w:pPr>
      <w:r w:rsidRPr="001E0A23">
        <w:rPr>
          <w:sz w:val="18"/>
        </w:rPr>
        <w:t>-i</w:t>
      </w:r>
      <w:r w:rsidRPr="001E0A23">
        <w:rPr>
          <w:sz w:val="18"/>
        </w:rPr>
        <w:tab/>
      </w:r>
      <w:r w:rsidRPr="001E0A23">
        <w:rPr>
          <w:sz w:val="18"/>
        </w:rPr>
        <w:tab/>
      </w:r>
      <w:r w:rsidRPr="001E0A23">
        <w:rPr>
          <w:sz w:val="18"/>
        </w:rPr>
        <w:t>c := (np[case=nom,agr=3s,poss_const=true]\*np[case=gen,agr=3s])\*np[case=nom,poss_const=false] : \y\x.y x;</w:t>
      </w:r>
    </w:p>
    <w:p w:rsidR="0014091F" w:rsidRPr="001E0A23" w:rsidRDefault="0014091F" w:rsidP="0014091F">
      <w:pPr>
        <w:pStyle w:val="NoSpacing"/>
        <w:rPr>
          <w:sz w:val="18"/>
        </w:rPr>
      </w:pPr>
      <w:r w:rsidRPr="001E0A23">
        <w:rPr>
          <w:sz w:val="18"/>
        </w:rPr>
        <w:t>-imiz</w:t>
      </w:r>
      <w:r w:rsidRPr="001E0A23">
        <w:rPr>
          <w:sz w:val="18"/>
        </w:rPr>
        <w:tab/>
      </w:r>
      <w:r w:rsidRPr="001E0A23">
        <w:rPr>
          <w:sz w:val="18"/>
        </w:rPr>
        <w:tab/>
        <w:t>c := (np[case=nom,agr=3s,poss_const=true]\*np[case=gen,agr=1p])\*np[case=nom,poss_const=false] : \y\x.y x;</w:t>
      </w:r>
    </w:p>
    <w:p w:rsidR="0014091F" w:rsidRPr="001E0A23" w:rsidRDefault="0014091F" w:rsidP="0014091F">
      <w:pPr>
        <w:pStyle w:val="NoSpacing"/>
        <w:rPr>
          <w:sz w:val="18"/>
        </w:rPr>
      </w:pPr>
      <w:r w:rsidRPr="001E0A23">
        <w:rPr>
          <w:sz w:val="18"/>
        </w:rPr>
        <w:t>-iniz</w:t>
      </w:r>
      <w:r w:rsidRPr="001E0A23">
        <w:rPr>
          <w:sz w:val="18"/>
        </w:rPr>
        <w:tab/>
      </w:r>
      <w:r w:rsidRPr="001E0A23">
        <w:rPr>
          <w:sz w:val="18"/>
        </w:rPr>
        <w:tab/>
        <w:t>c := (np[case=nom,agr=3s,poss_const=true]\*np[case=gen,agr=2p])\*np[case=nom,poss_const=false]: \y\x.y x;</w:t>
      </w:r>
    </w:p>
    <w:p w:rsidR="0014091F" w:rsidRPr="001E0A23" w:rsidRDefault="0014091F" w:rsidP="0014091F">
      <w:pPr>
        <w:pStyle w:val="NoSpacing"/>
        <w:rPr>
          <w:sz w:val="18"/>
        </w:rPr>
      </w:pPr>
      <w:r w:rsidRPr="001E0A23">
        <w:rPr>
          <w:sz w:val="18"/>
        </w:rPr>
        <w:t>-leri</w:t>
      </w:r>
      <w:r w:rsidRPr="001E0A23">
        <w:rPr>
          <w:sz w:val="18"/>
        </w:rPr>
        <w:tab/>
      </w:r>
      <w:r w:rsidRPr="001E0A23">
        <w:rPr>
          <w:sz w:val="18"/>
        </w:rPr>
        <w:tab/>
        <w:t>c := (np[case=nom,agr=3s,poss_const=true]\*np[case=gen,agr=3p])\*np[case=nom,poss_const=false] : \y\x.y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Plural</w:t>
      </w:r>
    </w:p>
    <w:p w:rsidR="0014091F" w:rsidRPr="001E0A23" w:rsidRDefault="0014091F" w:rsidP="0014091F">
      <w:pPr>
        <w:pStyle w:val="NoSpacing"/>
        <w:rPr>
          <w:sz w:val="18"/>
        </w:rPr>
      </w:pPr>
      <w:r w:rsidRPr="001E0A23">
        <w:rPr>
          <w:sz w:val="18"/>
        </w:rPr>
        <w:t>-ler</w:t>
      </w:r>
      <w:r w:rsidRPr="001E0A23">
        <w:rPr>
          <w:sz w:val="18"/>
        </w:rPr>
        <w:tab/>
      </w:r>
      <w:r w:rsidRPr="001E0A23">
        <w:rPr>
          <w:sz w:val="18"/>
        </w:rPr>
        <w:tab/>
        <w:t>c := np[case=?x1,agr=?x2]\*np[case=?x1,agr=?x2] : \x.!plural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Blending Consonant - Binds to the next suffix</w:t>
      </w:r>
    </w:p>
    <w:p w:rsidR="0014091F" w:rsidRPr="001E0A23" w:rsidRDefault="0014091F" w:rsidP="0014091F">
      <w:pPr>
        <w:pStyle w:val="NoSpacing"/>
        <w:rPr>
          <w:sz w:val="18"/>
        </w:rPr>
      </w:pPr>
      <w:r w:rsidRPr="001E0A23">
        <w:rPr>
          <w:sz w:val="18"/>
        </w:rPr>
        <w:t>-y</w:t>
      </w:r>
      <w:r w:rsidRPr="001E0A23">
        <w:rPr>
          <w:sz w:val="18"/>
        </w:rPr>
        <w:tab/>
        <w:t>c := @X/*@X : \n.n;</w:t>
      </w:r>
    </w:p>
    <w:p w:rsidR="0014091F" w:rsidRPr="001E0A23" w:rsidRDefault="0014091F" w:rsidP="0014091F">
      <w:pPr>
        <w:pStyle w:val="NoSpacing"/>
        <w:rPr>
          <w:sz w:val="18"/>
        </w:rPr>
      </w:pPr>
      <w:r w:rsidRPr="001E0A23">
        <w:rPr>
          <w:sz w:val="18"/>
        </w:rPr>
        <w:t>-ş</w:t>
      </w:r>
      <w:r w:rsidRPr="001E0A23">
        <w:rPr>
          <w:sz w:val="18"/>
        </w:rPr>
        <w:tab/>
        <w:t>c := @X/*@X : \n.n;</w:t>
      </w:r>
    </w:p>
    <w:p w:rsidR="0014091F" w:rsidRPr="001E0A23" w:rsidRDefault="0014091F" w:rsidP="0014091F">
      <w:pPr>
        <w:pStyle w:val="NoSpacing"/>
        <w:rPr>
          <w:sz w:val="18"/>
        </w:rPr>
      </w:pPr>
      <w:r w:rsidRPr="001E0A23">
        <w:rPr>
          <w:sz w:val="18"/>
        </w:rPr>
        <w:t>-s</w:t>
      </w:r>
      <w:r w:rsidRPr="001E0A23">
        <w:rPr>
          <w:sz w:val="18"/>
        </w:rPr>
        <w:tab/>
        <w:t>c := @X/*@X : \n.n;</w:t>
      </w:r>
    </w:p>
    <w:p w:rsidR="0014091F" w:rsidRPr="001E0A23" w:rsidRDefault="0014091F" w:rsidP="0014091F">
      <w:pPr>
        <w:pStyle w:val="NoSpacing"/>
        <w:rPr>
          <w:sz w:val="18"/>
        </w:rPr>
      </w:pPr>
      <w:r w:rsidRPr="001E0A23">
        <w:rPr>
          <w:sz w:val="18"/>
        </w:rPr>
        <w:t>-n</w:t>
      </w:r>
      <w:r w:rsidRPr="001E0A23">
        <w:rPr>
          <w:sz w:val="18"/>
        </w:rPr>
        <w:tab/>
        <w:t>c := @X/*@X : \n.n;</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Non-finite Verb Inflection</w:t>
      </w:r>
    </w:p>
    <w:p w:rsidR="0014091F" w:rsidRPr="001E0A23" w:rsidRDefault="0014091F" w:rsidP="0014091F">
      <w:pPr>
        <w:pStyle w:val="NoSpacing"/>
        <w:rPr>
          <w:sz w:val="18"/>
        </w:rPr>
      </w:pPr>
      <w:r w:rsidRPr="001E0A23">
        <w:rPr>
          <w:sz w:val="18"/>
        </w:rPr>
        <w:t>%%% "ben geldiğim için" is different than "benim geldiğim oda"</w:t>
      </w:r>
    </w:p>
    <w:p w:rsidR="0014091F" w:rsidRPr="001E0A23" w:rsidRDefault="0014091F" w:rsidP="0014091F">
      <w:pPr>
        <w:pStyle w:val="NoSpacing"/>
        <w:rPr>
          <w:sz w:val="18"/>
        </w:rPr>
      </w:pPr>
      <w:r w:rsidRPr="001E0A23">
        <w:rPr>
          <w:sz w:val="18"/>
        </w:rPr>
        <w:t>%%% "ben geldiğim için" nominalizer (subjunctive) experimental</w:t>
      </w:r>
    </w:p>
    <w:p w:rsidR="0014091F" w:rsidRPr="001E0A23" w:rsidRDefault="0014091F" w:rsidP="0014091F">
      <w:pPr>
        <w:pStyle w:val="NoSpacing"/>
        <w:rPr>
          <w:sz w:val="18"/>
        </w:rPr>
      </w:pPr>
      <w:r w:rsidRPr="001E0A23">
        <w:rPr>
          <w:sz w:val="18"/>
        </w:rPr>
        <w:t>%%% -dik binds to possessives, it must precede one</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benim geldiğim oda" object relative clause</w:t>
      </w:r>
    </w:p>
    <w:p w:rsidR="0014091F" w:rsidRPr="001E0A23" w:rsidRDefault="0014091F" w:rsidP="0014091F">
      <w:pPr>
        <w:pStyle w:val="NoSpacing"/>
        <w:rPr>
          <w:sz w:val="18"/>
        </w:rPr>
      </w:pPr>
      <w:r w:rsidRPr="001E0A23">
        <w:rPr>
          <w:sz w:val="18"/>
        </w:rPr>
        <w:t>%%% "köpeğin tavşanı ısırdığını gördü" nominal</w:t>
      </w:r>
    </w:p>
    <w:p w:rsidR="0014091F" w:rsidRPr="001E0A23" w:rsidRDefault="0014091F" w:rsidP="0014091F">
      <w:pPr>
        <w:pStyle w:val="NoSpacing"/>
        <w:rPr>
          <w:sz w:val="18"/>
        </w:rPr>
      </w:pPr>
      <w:r w:rsidRPr="001E0A23">
        <w:rPr>
          <w:sz w:val="18"/>
        </w:rPr>
        <w:t>%%%subject (nom), object (any) -&gt; subject (gen), object (nom)</w:t>
      </w:r>
    </w:p>
    <w:p w:rsidR="0014091F" w:rsidRPr="001E0A23" w:rsidRDefault="0014091F" w:rsidP="0014091F">
      <w:pPr>
        <w:pStyle w:val="NoSpacing"/>
        <w:rPr>
          <w:sz w:val="18"/>
        </w:rPr>
      </w:pPr>
      <w:r w:rsidRPr="001E0A23">
        <w:rPr>
          <w:sz w:val="18"/>
        </w:rPr>
        <w:t>%%%Intransitive ORC için ADJ yerine NP hedeflemek için yeni kurala gerek yok, çünkü CASE marker'lar zaten NP'ye çevirebiliyor, ama transitive'lerde NP hedefliyorsak araya bir object geleceğini hesaba katmamız gerekiyor, paralel olsun diye ikisinin de kuralını ayrıca yazıyorum.</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for ORC only the word orders ending with v are allowed: sov &amp; ovs, otherwise the sentence is incomprehensible</w:t>
      </w:r>
    </w:p>
    <w:p w:rsidR="0014091F" w:rsidRDefault="0014091F" w:rsidP="0014091F">
      <w:pPr>
        <w:pStyle w:val="NoSpacing"/>
        <w:rPr>
          <w:sz w:val="18"/>
        </w:rPr>
      </w:pPr>
    </w:p>
    <w:p w:rsidR="003B5EB1" w:rsidRPr="001E0A23" w:rsidRDefault="003B5EB1" w:rsidP="0014091F">
      <w:pPr>
        <w:pStyle w:val="NoSpacing"/>
        <w:rPr>
          <w:sz w:val="18"/>
        </w:rPr>
      </w:pPr>
    </w:p>
    <w:p w:rsidR="0014091F" w:rsidRPr="001E0A23" w:rsidRDefault="0014091F" w:rsidP="0014091F">
      <w:pPr>
        <w:pStyle w:val="NoSpacing"/>
        <w:rPr>
          <w:sz w:val="18"/>
        </w:rPr>
      </w:pPr>
      <w:r w:rsidRPr="001E0A23">
        <w:rPr>
          <w:sz w:val="18"/>
        </w:rPr>
        <w:lastRenderedPageBreak/>
        <w:t>%%%Intransitive - ORC "senin geldiğin yeri gördüm"</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nom])\np[case=gen,agr=?x1])</w:t>
      </w:r>
      <w:r w:rsidR="007A7E53" w:rsidRPr="00AB130D">
        <w:rPr>
          <w:sz w:val="18"/>
        </w:rPr>
        <w:t>\\(vp[pos=0]\np[case=nom]))/*</w:t>
      </w:r>
      <w:r w:rsidR="007A7E53">
        <w:rPr>
          <w:sz w:val="18"/>
        </w:rPr>
        <w:t xml:space="preserve"> </w:t>
      </w:r>
      <w:r w:rsidR="007A7E53">
        <w:rPr>
          <w:sz w:val="18"/>
        </w:rPr>
        <w:tab/>
      </w:r>
      <w:r w:rsidR="007A7E53">
        <w:rPr>
          <w:sz w:val="18"/>
        </w:rPr>
        <w:tab/>
      </w:r>
      <w:r w:rsidR="007A7E53">
        <w:rPr>
          <w:sz w:val="18"/>
        </w:rPr>
        <w:tab/>
      </w:r>
      <w:r w:rsidR="007A7E53">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y.!patient (n p y x);</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nom])\np[case=gen,agr=?x1])\\(vp[pos=1]\np[case=nom]))/*</w:t>
      </w:r>
      <w:r w:rsidR="00AB130D">
        <w:rPr>
          <w:sz w:val="18"/>
        </w:rPr>
        <w:t xml:space="preserve"> </w:t>
      </w:r>
      <w:r w:rsidR="00AB130D">
        <w:rPr>
          <w:sz w:val="18"/>
        </w:rPr>
        <w:tab/>
      </w:r>
      <w:r w:rsidR="00AB130D">
        <w:rPr>
          <w:sz w:val="18"/>
        </w:rPr>
        <w:tab/>
      </w:r>
      <w:r w:rsidR="00AB130D">
        <w:rPr>
          <w:sz w:val="18"/>
        </w:rPr>
        <w:tab/>
      </w:r>
      <w:r w:rsidR="00AB130D">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y.!patient (n p y x);</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nom])\np[case=gen,agr=?x1])\\(vp[pos=2]\np[case=nom]))/*</w:t>
      </w:r>
      <w:r w:rsidR="005A3FC3">
        <w:rPr>
          <w:sz w:val="18"/>
        </w:rPr>
        <w:t xml:space="preserve"> </w:t>
      </w:r>
      <w:r w:rsidR="005A3FC3">
        <w:rPr>
          <w:sz w:val="18"/>
        </w:rPr>
        <w:tab/>
      </w:r>
      <w:r w:rsidR="005A3FC3">
        <w:rPr>
          <w:sz w:val="18"/>
        </w:rPr>
        <w:tab/>
      </w:r>
      <w:r w:rsidR="005A3FC3">
        <w:rPr>
          <w:sz w:val="18"/>
        </w:rPr>
        <w:tab/>
      </w:r>
      <w:r w:rsidR="005A3FC3">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y.!patient (n p y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Transitive - ORC "senin okuduğun kitabı gördüm"</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nom])\np[case=gen,agr=?x1])\\((vp[pos=0]\np[case=nom])\np))/*</w:t>
      </w:r>
      <w:r w:rsidR="00870D7C">
        <w:rPr>
          <w:sz w:val="18"/>
        </w:rPr>
        <w:t xml:space="preserve"> </w:t>
      </w:r>
      <w:r w:rsidR="00870D7C">
        <w:rPr>
          <w:sz w:val="18"/>
        </w:rPr>
        <w:tab/>
      </w:r>
      <w:r w:rsidR="00870D7C">
        <w:rPr>
          <w:sz w:val="18"/>
        </w:rPr>
        <w:tab/>
      </w:r>
      <w:r w:rsidR="00870D7C">
        <w:rPr>
          <w:sz w:val="18"/>
        </w:rPr>
        <w:tab/>
      </w:r>
      <w:r w:rsidR="00870D7C">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y.!patient (n p y x);</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nom])\np[case=gen,agr=?x1])\\((vp[pos=1]\np[case=nom])\np))/*</w:t>
      </w:r>
      <w:r w:rsidR="003C201D">
        <w:rPr>
          <w:sz w:val="18"/>
        </w:rPr>
        <w:t xml:space="preserve"> </w:t>
      </w:r>
      <w:r w:rsidR="003C201D">
        <w:rPr>
          <w:sz w:val="18"/>
        </w:rPr>
        <w:tab/>
      </w:r>
      <w:r w:rsidR="003C201D">
        <w:rPr>
          <w:sz w:val="18"/>
        </w:rPr>
        <w:tab/>
      </w:r>
      <w:r w:rsidR="003C201D">
        <w:rPr>
          <w:sz w:val="18"/>
        </w:rPr>
        <w:tab/>
      </w:r>
      <w:r w:rsidR="003C201D">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y.!patient (n p y x);</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nom])\np[case=gen,agr=?x1])\\((vp[pos=2]\np[case=nom])\np))/*</w:t>
      </w:r>
      <w:r w:rsidR="0059710F">
        <w:rPr>
          <w:sz w:val="18"/>
        </w:rPr>
        <w:t xml:space="preserve"> </w:t>
      </w:r>
      <w:r w:rsidR="0059710F">
        <w:rPr>
          <w:sz w:val="18"/>
        </w:rPr>
        <w:tab/>
      </w:r>
      <w:r w:rsidR="0059710F">
        <w:rPr>
          <w:sz w:val="18"/>
        </w:rPr>
        <w:tab/>
      </w:r>
      <w:r w:rsidR="0059710F">
        <w:rPr>
          <w:sz w:val="18"/>
        </w:rPr>
        <w:tab/>
      </w:r>
      <w:r w:rsidR="0059710F">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y.!patient (n p y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Intransitive - nominal "senin geldiğini gördüm"</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gen,agr=?x1])\\(vp[pos=0]\np[case=nom]))/*</w:t>
      </w:r>
      <w:r w:rsidR="00123155">
        <w:rPr>
          <w:sz w:val="18"/>
        </w:rPr>
        <w:t xml:space="preserve"> </w:t>
      </w:r>
      <w:r w:rsidR="00123155">
        <w:rPr>
          <w:sz w:val="18"/>
        </w:rPr>
        <w:tab/>
      </w:r>
      <w:r w:rsidR="00123155">
        <w:rPr>
          <w:sz w:val="18"/>
        </w:rPr>
        <w:tab/>
      </w:r>
      <w:r w:rsidR="00123155">
        <w:rPr>
          <w:sz w:val="18"/>
        </w:rPr>
        <w:tab/>
      </w:r>
      <w:r w:rsidR="00123155">
        <w:rPr>
          <w:sz w:val="18"/>
        </w:rPr>
        <w:tab/>
      </w:r>
      <w:r w:rsidR="00123155">
        <w:rPr>
          <w:sz w:val="18"/>
        </w:rPr>
        <w:tab/>
      </w:r>
      <w:r w:rsidR="00123155">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nominal (n p x);</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gen,agr=?x1])\\(vp[pos=1]\np[case=nom]))/*</w:t>
      </w:r>
      <w:r w:rsidR="007E44FA">
        <w:rPr>
          <w:sz w:val="18"/>
        </w:rPr>
        <w:t xml:space="preserve"> </w:t>
      </w:r>
      <w:r w:rsidR="007E44FA">
        <w:rPr>
          <w:sz w:val="18"/>
        </w:rPr>
        <w:tab/>
      </w:r>
      <w:r w:rsidR="007E44FA">
        <w:rPr>
          <w:sz w:val="18"/>
        </w:rPr>
        <w:tab/>
      </w:r>
      <w:r w:rsidR="007E44FA">
        <w:rPr>
          <w:sz w:val="18"/>
        </w:rPr>
        <w:tab/>
      </w:r>
      <w:r w:rsidR="007E44FA">
        <w:rPr>
          <w:sz w:val="18"/>
        </w:rPr>
        <w:tab/>
      </w:r>
      <w:r w:rsidR="007E44FA">
        <w:rPr>
          <w:sz w:val="18"/>
        </w:rPr>
        <w:tab/>
      </w:r>
      <w:r w:rsidR="007E44FA">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nominal (n p x);</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gen,agr=?x1])\\(vp[pos=2]\np[case=nom]))/*</w:t>
      </w:r>
      <w:r w:rsidR="002726B8">
        <w:rPr>
          <w:sz w:val="18"/>
        </w:rPr>
        <w:t xml:space="preserve"> </w:t>
      </w:r>
      <w:r w:rsidR="002726B8">
        <w:rPr>
          <w:sz w:val="18"/>
        </w:rPr>
        <w:tab/>
      </w:r>
      <w:r w:rsidR="002726B8">
        <w:rPr>
          <w:sz w:val="18"/>
        </w:rPr>
        <w:tab/>
      </w:r>
      <w:r w:rsidR="002726B8">
        <w:rPr>
          <w:sz w:val="18"/>
        </w:rPr>
        <w:tab/>
      </w:r>
      <w:r w:rsidR="002726B8">
        <w:rPr>
          <w:sz w:val="18"/>
        </w:rPr>
        <w:tab/>
      </w:r>
      <w:r w:rsidR="002726B8">
        <w:rPr>
          <w:sz w:val="18"/>
        </w:rPr>
        <w:tab/>
      </w:r>
      <w:r w:rsidR="002726B8">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nominal (n p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Transitive - nominal "senin kitap okuduğunu gördüm"</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gen,agr=?x1])\np[case=?x2])\\((vp[pos=0]\np[case=nom])\np[case=?x2]))/*</w:t>
      </w:r>
      <w:r w:rsidR="00870490">
        <w:rPr>
          <w:sz w:val="18"/>
        </w:rPr>
        <w:t xml:space="preserve"> </w:t>
      </w:r>
      <w:r w:rsidR="00870490">
        <w:rPr>
          <w:sz w:val="18"/>
        </w:rPr>
        <w:tab/>
      </w:r>
      <w:r w:rsidR="00870490">
        <w:rPr>
          <w:sz w:val="18"/>
        </w:rPr>
        <w:tab/>
      </w:r>
      <w:r w:rsidR="00870490">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y.!nominal (n p x y);</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gen,agr=?x1])\np[case=?x2])\\((vp[pos=1]\np[case=nom])\np[case=?x2]))/*</w:t>
      </w:r>
      <w:r w:rsidR="00791A60">
        <w:rPr>
          <w:sz w:val="18"/>
        </w:rPr>
        <w:t xml:space="preserve"> </w:t>
      </w:r>
      <w:r w:rsidR="00791A60">
        <w:rPr>
          <w:sz w:val="18"/>
        </w:rPr>
        <w:tab/>
      </w:r>
      <w:r w:rsidR="00791A60">
        <w:rPr>
          <w:sz w:val="18"/>
        </w:rPr>
        <w:tab/>
      </w:r>
      <w:r w:rsidR="00791A60">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y.!nominal (n p x y);</w:t>
      </w:r>
    </w:p>
    <w:p w:rsidR="0014091F" w:rsidRPr="001E0A23" w:rsidRDefault="0014091F" w:rsidP="0014091F">
      <w:pPr>
        <w:pStyle w:val="NoSpacing"/>
        <w:rPr>
          <w:sz w:val="18"/>
        </w:rPr>
      </w:pPr>
      <w:r w:rsidRPr="001E0A23">
        <w:rPr>
          <w:sz w:val="18"/>
        </w:rPr>
        <w:t xml:space="preserve">-dik </w:t>
      </w:r>
      <w:r w:rsidRPr="001E0A23">
        <w:rPr>
          <w:sz w:val="18"/>
        </w:rPr>
        <w:tab/>
      </w:r>
      <w:r w:rsidRPr="001E0A23">
        <w:rPr>
          <w:sz w:val="18"/>
        </w:rPr>
        <w:tab/>
        <w:t>c := (((np[case=nom,poss_const=true]\np[case=gen,agr=?x1])\np[case=?x2])\\((vp[pos=2]\np[case=nom])\np[case=?x2]))/*</w:t>
      </w:r>
      <w:r w:rsidR="003E136F">
        <w:rPr>
          <w:sz w:val="18"/>
        </w:rPr>
        <w:t xml:space="preserve"> </w:t>
      </w:r>
      <w:r w:rsidR="003E136F">
        <w:rPr>
          <w:sz w:val="18"/>
        </w:rPr>
        <w:tab/>
      </w:r>
      <w:r w:rsidR="003E136F">
        <w:rPr>
          <w:sz w:val="18"/>
        </w:rPr>
        <w:tab/>
      </w:r>
      <w:r w:rsidR="003E136F">
        <w:rPr>
          <w:sz w:val="18"/>
        </w:rPr>
        <w:tab/>
      </w:r>
      <w:r w:rsidRPr="001E0A23">
        <w:rPr>
          <w:sz w:val="18"/>
        </w:rPr>
        <w:t>((np[case=nom,agr=?x1,poss_const=true]\np[case=gen,agr=?x1])\\np[case=nom,poss_const=false])</w:t>
      </w:r>
    </w:p>
    <w:p w:rsidR="0014091F" w:rsidRPr="001E0A23" w:rsidRDefault="0014091F" w:rsidP="0014091F">
      <w:pPr>
        <w:pStyle w:val="NoSpacing"/>
        <w:rPr>
          <w:sz w:val="18"/>
        </w:rPr>
      </w:pPr>
      <w:r w:rsidRPr="001E0A23">
        <w:rPr>
          <w:sz w:val="18"/>
        </w:rPr>
        <w:tab/>
      </w:r>
      <w:r w:rsidRPr="001E0A23">
        <w:rPr>
          <w:sz w:val="18"/>
        </w:rPr>
        <w:tab/>
      </w:r>
      <w:r w:rsidRPr="001E0A23">
        <w:rPr>
          <w:sz w:val="18"/>
        </w:rPr>
        <w:tab/>
      </w:r>
      <w:r w:rsidRPr="001E0A23">
        <w:rPr>
          <w:sz w:val="18"/>
        </w:rPr>
        <w:t>: \n\p\x\y.!nominal (n p x y);</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son benimoyu yiyen kız" subject relative clause</w:t>
      </w:r>
    </w:p>
    <w:p w:rsidR="0014091F" w:rsidRPr="001E0A23" w:rsidRDefault="0014091F" w:rsidP="0014091F">
      <w:pPr>
        <w:pStyle w:val="NoSpacing"/>
        <w:rPr>
          <w:sz w:val="18"/>
        </w:rPr>
      </w:pPr>
      <w:r w:rsidRPr="001E0A23">
        <w:rPr>
          <w:sz w:val="18"/>
        </w:rPr>
        <w:t>%%%Intransitive</w:t>
      </w:r>
    </w:p>
    <w:p w:rsidR="0014091F" w:rsidRPr="001E0A23" w:rsidRDefault="0014091F" w:rsidP="0014091F">
      <w:pPr>
        <w:pStyle w:val="NoSpacing"/>
        <w:rPr>
          <w:sz w:val="18"/>
        </w:rPr>
      </w:pPr>
      <w:r w:rsidRPr="001E0A23">
        <w:rPr>
          <w:sz w:val="18"/>
        </w:rPr>
        <w:t xml:space="preserve">-en </w:t>
      </w:r>
      <w:r w:rsidRPr="001E0A23">
        <w:rPr>
          <w:sz w:val="18"/>
        </w:rPr>
        <w:tab/>
      </w:r>
      <w:r w:rsidRPr="001E0A23">
        <w:rPr>
          <w:sz w:val="18"/>
        </w:rPr>
        <w:tab/>
        <w:t>c := (np[case=nom]/*np[case=nom])\\(vp[pos=0]\np[case=nom])</w:t>
      </w:r>
      <w:r w:rsidR="00EA21BE">
        <w:rPr>
          <w:sz w:val="18"/>
        </w:rPr>
        <w:t xml:space="preserve"> </w:t>
      </w:r>
      <w:r w:rsidRPr="001E0A23">
        <w:rPr>
          <w:sz w:val="18"/>
        </w:rPr>
        <w:t>: \p\x.!agent (p x);</w:t>
      </w:r>
    </w:p>
    <w:p w:rsidR="0014091F" w:rsidRPr="001E0A23" w:rsidRDefault="0014091F" w:rsidP="0014091F">
      <w:pPr>
        <w:pStyle w:val="NoSpacing"/>
        <w:rPr>
          <w:sz w:val="18"/>
        </w:rPr>
      </w:pPr>
      <w:r w:rsidRPr="001E0A23">
        <w:rPr>
          <w:sz w:val="18"/>
        </w:rPr>
        <w:t xml:space="preserve">-en </w:t>
      </w:r>
      <w:r w:rsidRPr="001E0A23">
        <w:rPr>
          <w:sz w:val="18"/>
        </w:rPr>
        <w:tab/>
      </w:r>
      <w:r w:rsidRPr="001E0A23">
        <w:rPr>
          <w:sz w:val="18"/>
        </w:rPr>
        <w:tab/>
        <w:t>c := (np[case=nom]/*np[case=nom])\\(vp[pos=1]\np[case=nom])</w:t>
      </w:r>
      <w:r w:rsidR="00EA21BE">
        <w:rPr>
          <w:sz w:val="18"/>
        </w:rPr>
        <w:t xml:space="preserve"> </w:t>
      </w:r>
      <w:r w:rsidRPr="001E0A23">
        <w:rPr>
          <w:sz w:val="18"/>
        </w:rPr>
        <w:t>: \p\x.!agent (p x);</w:t>
      </w:r>
    </w:p>
    <w:p w:rsidR="0014091F" w:rsidRPr="001E0A23" w:rsidRDefault="0014091F" w:rsidP="0014091F">
      <w:pPr>
        <w:pStyle w:val="NoSpacing"/>
        <w:rPr>
          <w:sz w:val="18"/>
        </w:rPr>
      </w:pPr>
      <w:r w:rsidRPr="001E0A23">
        <w:rPr>
          <w:sz w:val="18"/>
        </w:rPr>
        <w:t xml:space="preserve">-en </w:t>
      </w:r>
      <w:r w:rsidRPr="001E0A23">
        <w:rPr>
          <w:sz w:val="18"/>
        </w:rPr>
        <w:tab/>
      </w:r>
      <w:r w:rsidRPr="001E0A23">
        <w:rPr>
          <w:sz w:val="18"/>
        </w:rPr>
        <w:tab/>
        <w:t>c := (np[case=nom]/*np[case=nom])\\(vp[pos=2]\np[case=nom])</w:t>
      </w:r>
      <w:r w:rsidR="00EA21BE">
        <w:rPr>
          <w:sz w:val="18"/>
        </w:rPr>
        <w:t xml:space="preserve"> </w:t>
      </w:r>
      <w:r w:rsidRPr="001E0A23">
        <w:rPr>
          <w:sz w:val="18"/>
        </w:rPr>
        <w:t>: \p\x.!agent (p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Transitive</w:t>
      </w:r>
    </w:p>
    <w:p w:rsidR="0014091F" w:rsidRPr="001E0A23" w:rsidRDefault="0014091F" w:rsidP="0014091F">
      <w:pPr>
        <w:pStyle w:val="NoSpacing"/>
        <w:rPr>
          <w:sz w:val="18"/>
        </w:rPr>
      </w:pPr>
      <w:r w:rsidRPr="001E0A23">
        <w:rPr>
          <w:sz w:val="18"/>
        </w:rPr>
        <w:t xml:space="preserve">-en </w:t>
      </w:r>
      <w:r w:rsidRPr="001E0A23">
        <w:rPr>
          <w:sz w:val="18"/>
        </w:rPr>
        <w:tab/>
      </w:r>
      <w:r w:rsidRPr="001E0A23">
        <w:rPr>
          <w:sz w:val="18"/>
        </w:rPr>
        <w:tab/>
        <w:t>c := ((np[case=nom]/*np[case=nom])\np[case=?x1])\\((vp[pos=0]\np[case=nom])\np[case=?x1])</w:t>
      </w:r>
      <w:r w:rsidR="0059189D">
        <w:rPr>
          <w:sz w:val="18"/>
        </w:rPr>
        <w:t xml:space="preserve"> </w:t>
      </w:r>
      <w:r w:rsidRPr="001E0A23">
        <w:rPr>
          <w:sz w:val="18"/>
        </w:rPr>
        <w:t>: \p\x\y.!agent (p x y);</w:t>
      </w:r>
    </w:p>
    <w:p w:rsidR="0014091F" w:rsidRPr="001E0A23" w:rsidRDefault="0014091F" w:rsidP="0014091F">
      <w:pPr>
        <w:pStyle w:val="NoSpacing"/>
        <w:rPr>
          <w:sz w:val="18"/>
        </w:rPr>
      </w:pPr>
      <w:r w:rsidRPr="001E0A23">
        <w:rPr>
          <w:sz w:val="18"/>
        </w:rPr>
        <w:t xml:space="preserve">-en </w:t>
      </w:r>
      <w:r w:rsidRPr="001E0A23">
        <w:rPr>
          <w:sz w:val="18"/>
        </w:rPr>
        <w:tab/>
      </w:r>
      <w:r w:rsidRPr="001E0A23">
        <w:rPr>
          <w:sz w:val="18"/>
        </w:rPr>
        <w:tab/>
        <w:t>c := ((np[case=nom]/*np[case=nom])\np[case=?x1])\\((vp[pos=1]\np[case=nom])\np[case=?x1])</w:t>
      </w:r>
      <w:r w:rsidR="0059189D">
        <w:rPr>
          <w:sz w:val="18"/>
        </w:rPr>
        <w:t xml:space="preserve"> </w:t>
      </w:r>
      <w:r w:rsidRPr="001E0A23">
        <w:rPr>
          <w:sz w:val="18"/>
        </w:rPr>
        <w:t>: \p\x\y.!agent (p x y);</w:t>
      </w:r>
    </w:p>
    <w:p w:rsidR="0014091F" w:rsidRPr="001E0A23" w:rsidRDefault="0014091F" w:rsidP="0014091F">
      <w:pPr>
        <w:pStyle w:val="NoSpacing"/>
        <w:rPr>
          <w:sz w:val="18"/>
        </w:rPr>
      </w:pPr>
      <w:r w:rsidRPr="001E0A23">
        <w:rPr>
          <w:sz w:val="18"/>
        </w:rPr>
        <w:t xml:space="preserve">-en </w:t>
      </w:r>
      <w:r w:rsidRPr="001E0A23">
        <w:rPr>
          <w:sz w:val="18"/>
        </w:rPr>
        <w:tab/>
      </w:r>
      <w:r w:rsidRPr="001E0A23">
        <w:rPr>
          <w:sz w:val="18"/>
        </w:rPr>
        <w:tab/>
        <w:t>c := ((np[case=nom]/*np[case=nom])\np[case=?x1])\\((vp[pos=2]\np[case=nom])\np[case=?x1])</w:t>
      </w:r>
      <w:r w:rsidR="0059189D">
        <w:rPr>
          <w:sz w:val="18"/>
        </w:rPr>
        <w:t xml:space="preserve"> </w:t>
      </w:r>
      <w:r w:rsidRPr="001E0A23">
        <w:rPr>
          <w:sz w:val="18"/>
        </w:rPr>
        <w:t>: \p\x\y.!agent (p x y);</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Agreements:</w:t>
      </w:r>
    </w:p>
    <w:p w:rsidR="0014091F" w:rsidRPr="001E0A23" w:rsidRDefault="0014091F" w:rsidP="0014091F">
      <w:pPr>
        <w:pStyle w:val="NoSpacing"/>
        <w:rPr>
          <w:sz w:val="18"/>
        </w:rPr>
      </w:pPr>
      <w:r w:rsidRPr="001E0A23">
        <w:rPr>
          <w:sz w:val="18"/>
        </w:rPr>
        <w:t>%%Word order variations are taken care of by the person markers. This is the cleanest way I could find so far.</w:t>
      </w:r>
    </w:p>
    <w:p w:rsidR="0014091F" w:rsidRPr="001E0A23" w:rsidRDefault="0014091F" w:rsidP="0014091F">
      <w:pPr>
        <w:pStyle w:val="NoSpacing"/>
        <w:rPr>
          <w:sz w:val="18"/>
        </w:rPr>
      </w:pPr>
      <w:r w:rsidRPr="001E0A23">
        <w:rPr>
          <w:sz w:val="18"/>
        </w:rPr>
        <w:t>%%Trying to use type-raising on NP's to vary how they are accepted into a VP did not work, because one cannot account for the semantic order using type-raising</w:t>
      </w:r>
    </w:p>
    <w:p w:rsidR="00AC4239" w:rsidRDefault="0014091F" w:rsidP="0014091F">
      <w:pPr>
        <w:pStyle w:val="NoSpacing"/>
        <w:rPr>
          <w:sz w:val="18"/>
        </w:rPr>
      </w:pPr>
      <w:r w:rsidRPr="001E0A23">
        <w:rPr>
          <w:sz w:val="18"/>
        </w:rPr>
        <w:t>%%Trying to replicate rules for verbs for each word order did not work, because that requires all the finite-verb inflectional suffixes to be replicated to accept each verb category.</w:t>
      </w:r>
    </w:p>
    <w:p w:rsidR="00AC4239" w:rsidRPr="001E0A23" w:rsidRDefault="00AC4239" w:rsidP="0014091F">
      <w:pPr>
        <w:pStyle w:val="NoSpacing"/>
        <w:rPr>
          <w:sz w:val="18"/>
        </w:rPr>
      </w:pPr>
    </w:p>
    <w:p w:rsidR="0014091F" w:rsidRPr="001E0A23" w:rsidRDefault="0014091F" w:rsidP="0014091F">
      <w:pPr>
        <w:pStyle w:val="NoSpacing"/>
        <w:rPr>
          <w:sz w:val="18"/>
        </w:rPr>
      </w:pPr>
      <w:r w:rsidRPr="001E0A23">
        <w:rPr>
          <w:sz w:val="18"/>
        </w:rPr>
        <w:t>%%%intransitive</w:t>
      </w:r>
    </w:p>
    <w:p w:rsidR="0014091F" w:rsidRPr="001E0A23" w:rsidRDefault="0014091F" w:rsidP="0014091F">
      <w:pPr>
        <w:pStyle w:val="NoSpacing"/>
        <w:rPr>
          <w:sz w:val="18"/>
        </w:rPr>
      </w:pPr>
      <w:r w:rsidRPr="001E0A23">
        <w:rPr>
          <w:sz w:val="18"/>
        </w:rPr>
        <w:t>%%% sv</w:t>
      </w:r>
    </w:p>
    <w:p w:rsidR="0014091F" w:rsidRPr="001E0A23" w:rsidRDefault="0014091F" w:rsidP="0014091F">
      <w:pPr>
        <w:pStyle w:val="NoSpacing"/>
        <w:rPr>
          <w:sz w:val="18"/>
        </w:rPr>
      </w:pPr>
      <w:r w:rsidRPr="001E0A23">
        <w:rPr>
          <w:sz w:val="18"/>
        </w:rPr>
        <w:t>-m</w:t>
      </w:r>
      <w:r w:rsidRPr="001E0A23">
        <w:rPr>
          <w:sz w:val="18"/>
        </w:rPr>
        <w:tab/>
      </w:r>
      <w:r w:rsidRPr="001E0A23">
        <w:rPr>
          <w:sz w:val="18"/>
        </w:rPr>
        <w:tab/>
      </w:r>
      <w:r w:rsidRPr="001E0A23">
        <w:rPr>
          <w:sz w:val="18"/>
        </w:rPr>
        <w:t>c := (s[agr=1s]\*np[case=nom,agr=1s])\\(vp\np[case=nom])</w:t>
      </w:r>
      <w:r w:rsidR="00C25EC5">
        <w:rPr>
          <w:sz w:val="18"/>
        </w:rPr>
        <w:t xml:space="preserve"> </w:t>
      </w:r>
      <w:r w:rsidRPr="001E0A23">
        <w:rPr>
          <w:sz w:val="18"/>
        </w:rPr>
        <w:t>: \p\x.p x;</w:t>
      </w:r>
    </w:p>
    <w:p w:rsidR="0014091F" w:rsidRPr="001E0A23" w:rsidRDefault="0014091F" w:rsidP="0014091F">
      <w:pPr>
        <w:pStyle w:val="NoSpacing"/>
        <w:rPr>
          <w:sz w:val="18"/>
        </w:rPr>
      </w:pPr>
      <w:r w:rsidRPr="001E0A23">
        <w:rPr>
          <w:sz w:val="18"/>
        </w:rPr>
        <w:t>-n</w:t>
      </w:r>
      <w:r w:rsidRPr="001E0A23">
        <w:rPr>
          <w:sz w:val="18"/>
        </w:rPr>
        <w:tab/>
      </w:r>
      <w:r w:rsidRPr="001E0A23">
        <w:rPr>
          <w:sz w:val="18"/>
        </w:rPr>
        <w:tab/>
      </w:r>
      <w:r w:rsidRPr="001E0A23">
        <w:rPr>
          <w:sz w:val="18"/>
        </w:rPr>
        <w:t>c := (s[agr=2s]\*np[case=nom,agr=2s])\\(vp\np[case=nom])</w:t>
      </w:r>
      <w:r w:rsidR="00C25EC5">
        <w:rPr>
          <w:sz w:val="18"/>
        </w:rPr>
        <w:t xml:space="preserve"> </w:t>
      </w:r>
      <w:r w:rsidRPr="001E0A23">
        <w:rPr>
          <w:sz w:val="18"/>
        </w:rPr>
        <w:t>: \p\x.p x;</w:t>
      </w:r>
    </w:p>
    <w:p w:rsidR="0014091F" w:rsidRPr="001E0A23" w:rsidRDefault="0014091F" w:rsidP="0014091F">
      <w:pPr>
        <w:pStyle w:val="NoSpacing"/>
        <w:rPr>
          <w:sz w:val="18"/>
        </w:rPr>
      </w:pPr>
      <w:r w:rsidRPr="001E0A23">
        <w:rPr>
          <w:sz w:val="18"/>
        </w:rPr>
        <w:t>-0</w:t>
      </w:r>
      <w:r w:rsidRPr="001E0A23">
        <w:rPr>
          <w:sz w:val="18"/>
        </w:rPr>
        <w:tab/>
      </w:r>
      <w:r w:rsidRPr="001E0A23">
        <w:rPr>
          <w:sz w:val="18"/>
        </w:rPr>
        <w:tab/>
      </w:r>
      <w:r w:rsidRPr="001E0A23">
        <w:rPr>
          <w:sz w:val="18"/>
        </w:rPr>
        <w:t>c := (s[agr=3s]\*np[case=nom,agr=3s])\\(vp\np[case=nom])</w:t>
      </w:r>
      <w:r w:rsidR="00C25EC5">
        <w:rPr>
          <w:sz w:val="18"/>
        </w:rPr>
        <w:t xml:space="preserve"> </w:t>
      </w:r>
      <w:r w:rsidRPr="001E0A23">
        <w:rPr>
          <w:sz w:val="18"/>
        </w:rPr>
        <w:t>: \p\x.p x;</w:t>
      </w:r>
    </w:p>
    <w:p w:rsidR="0014091F" w:rsidRPr="001E0A23" w:rsidRDefault="0014091F" w:rsidP="0014091F">
      <w:pPr>
        <w:pStyle w:val="NoSpacing"/>
        <w:rPr>
          <w:sz w:val="18"/>
        </w:rPr>
      </w:pPr>
      <w:r w:rsidRPr="001E0A23">
        <w:rPr>
          <w:sz w:val="18"/>
        </w:rPr>
        <w:t>-k</w:t>
      </w:r>
      <w:r w:rsidRPr="001E0A23">
        <w:rPr>
          <w:sz w:val="18"/>
        </w:rPr>
        <w:tab/>
      </w:r>
      <w:r w:rsidRPr="001E0A23">
        <w:rPr>
          <w:sz w:val="18"/>
        </w:rPr>
        <w:tab/>
      </w:r>
      <w:r w:rsidRPr="001E0A23">
        <w:rPr>
          <w:sz w:val="18"/>
        </w:rPr>
        <w:t>c := (s[agr=1p]\*np[case=nom,agr=1p])\\(vp\np[case=nom])</w:t>
      </w:r>
      <w:r w:rsidR="00C25EC5">
        <w:rPr>
          <w:sz w:val="18"/>
        </w:rPr>
        <w:t xml:space="preserve"> </w:t>
      </w:r>
      <w:r w:rsidRPr="001E0A23">
        <w:rPr>
          <w:sz w:val="18"/>
        </w:rPr>
        <w:t>: \p\x.p x;</w:t>
      </w:r>
    </w:p>
    <w:p w:rsidR="0014091F" w:rsidRPr="001E0A23" w:rsidRDefault="0014091F" w:rsidP="0014091F">
      <w:pPr>
        <w:pStyle w:val="NoSpacing"/>
        <w:rPr>
          <w:sz w:val="18"/>
        </w:rPr>
      </w:pPr>
      <w:r w:rsidRPr="001E0A23">
        <w:rPr>
          <w:sz w:val="18"/>
        </w:rPr>
        <w:t>-niz</w:t>
      </w:r>
      <w:r w:rsidRPr="001E0A23">
        <w:rPr>
          <w:sz w:val="18"/>
        </w:rPr>
        <w:tab/>
      </w:r>
      <w:r w:rsidRPr="001E0A23">
        <w:rPr>
          <w:sz w:val="18"/>
        </w:rPr>
        <w:tab/>
        <w:t>c := (s[agr=2p]\*np[case=nom,agr=2p])\\(vp\np[case=nom])</w:t>
      </w:r>
      <w:r w:rsidR="00C25EC5">
        <w:rPr>
          <w:sz w:val="18"/>
        </w:rPr>
        <w:t xml:space="preserve"> </w:t>
      </w:r>
      <w:r w:rsidRPr="001E0A23">
        <w:rPr>
          <w:sz w:val="18"/>
        </w:rPr>
        <w:t>: \p\x.p x;</w:t>
      </w:r>
    </w:p>
    <w:p w:rsidR="0014091F" w:rsidRPr="001E0A23" w:rsidRDefault="0014091F" w:rsidP="0014091F">
      <w:pPr>
        <w:pStyle w:val="NoSpacing"/>
        <w:rPr>
          <w:sz w:val="18"/>
        </w:rPr>
      </w:pPr>
      <w:r w:rsidRPr="001E0A23">
        <w:rPr>
          <w:sz w:val="18"/>
        </w:rPr>
        <w:t>-ler</w:t>
      </w:r>
      <w:r w:rsidRPr="001E0A23">
        <w:rPr>
          <w:sz w:val="18"/>
        </w:rPr>
        <w:tab/>
      </w:r>
      <w:r w:rsidRPr="001E0A23">
        <w:rPr>
          <w:sz w:val="18"/>
        </w:rPr>
        <w:tab/>
        <w:t>c := (s[agr=3p]\*np[case=nom,agr=3p])\\(vp\np[case=nom])</w:t>
      </w:r>
      <w:r w:rsidR="00C25EC5">
        <w:rPr>
          <w:sz w:val="18"/>
        </w:rPr>
        <w:t xml:space="preserve"> </w:t>
      </w:r>
      <w:r w:rsidRPr="001E0A23">
        <w:rPr>
          <w:sz w:val="18"/>
        </w:rPr>
        <w:t>: \p\x.p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vs</w:t>
      </w:r>
    </w:p>
    <w:p w:rsidR="0014091F" w:rsidRPr="001E0A23" w:rsidRDefault="0014091F" w:rsidP="0014091F">
      <w:pPr>
        <w:pStyle w:val="NoSpacing"/>
        <w:rPr>
          <w:sz w:val="18"/>
        </w:rPr>
      </w:pPr>
      <w:r w:rsidRPr="001E0A23">
        <w:rPr>
          <w:sz w:val="18"/>
        </w:rPr>
        <w:t>-m</w:t>
      </w:r>
      <w:r w:rsidRPr="001E0A23">
        <w:rPr>
          <w:sz w:val="18"/>
        </w:rPr>
        <w:tab/>
      </w:r>
      <w:r w:rsidRPr="001E0A23">
        <w:rPr>
          <w:sz w:val="18"/>
        </w:rPr>
        <w:tab/>
      </w:r>
      <w:r w:rsidRPr="001E0A23">
        <w:rPr>
          <w:sz w:val="18"/>
        </w:rPr>
        <w:t>c := (s[agr=1s]/*np[case=nom,agr=1s])\\(vp\np[case=nom])</w:t>
      </w:r>
      <w:r w:rsidR="00C25EC5">
        <w:rPr>
          <w:sz w:val="18"/>
        </w:rPr>
        <w:t xml:space="preserve"> </w:t>
      </w:r>
      <w:r w:rsidRPr="001E0A23">
        <w:rPr>
          <w:sz w:val="18"/>
        </w:rPr>
        <w:t>: \p\x.p x;</w:t>
      </w:r>
    </w:p>
    <w:p w:rsidR="0014091F" w:rsidRPr="001E0A23" w:rsidRDefault="0014091F" w:rsidP="0014091F">
      <w:pPr>
        <w:pStyle w:val="NoSpacing"/>
        <w:rPr>
          <w:sz w:val="18"/>
        </w:rPr>
      </w:pPr>
      <w:r w:rsidRPr="001E0A23">
        <w:rPr>
          <w:sz w:val="18"/>
        </w:rPr>
        <w:t>-n</w:t>
      </w:r>
      <w:r w:rsidRPr="001E0A23">
        <w:rPr>
          <w:sz w:val="18"/>
        </w:rPr>
        <w:tab/>
      </w:r>
      <w:r w:rsidRPr="001E0A23">
        <w:rPr>
          <w:sz w:val="18"/>
        </w:rPr>
        <w:tab/>
      </w:r>
      <w:r w:rsidRPr="001E0A23">
        <w:rPr>
          <w:sz w:val="18"/>
        </w:rPr>
        <w:t>c := (s[agr=2s]/*np[case=nom,agr=2s])\\(vp\np[case=nom])</w:t>
      </w:r>
      <w:r w:rsidR="00540444">
        <w:rPr>
          <w:sz w:val="18"/>
        </w:rPr>
        <w:t xml:space="preserve"> </w:t>
      </w:r>
      <w:r w:rsidRPr="001E0A23">
        <w:rPr>
          <w:sz w:val="18"/>
        </w:rPr>
        <w:t>: \p\x.p x;</w:t>
      </w:r>
    </w:p>
    <w:p w:rsidR="0014091F" w:rsidRPr="001E0A23" w:rsidRDefault="0014091F" w:rsidP="0014091F">
      <w:pPr>
        <w:pStyle w:val="NoSpacing"/>
        <w:rPr>
          <w:sz w:val="18"/>
        </w:rPr>
      </w:pPr>
      <w:r w:rsidRPr="001E0A23">
        <w:rPr>
          <w:sz w:val="18"/>
        </w:rPr>
        <w:t>-0</w:t>
      </w:r>
      <w:r w:rsidRPr="001E0A23">
        <w:rPr>
          <w:sz w:val="18"/>
        </w:rPr>
        <w:tab/>
      </w:r>
      <w:r w:rsidRPr="001E0A23">
        <w:rPr>
          <w:sz w:val="18"/>
        </w:rPr>
        <w:tab/>
      </w:r>
      <w:r w:rsidRPr="001E0A23">
        <w:rPr>
          <w:sz w:val="18"/>
        </w:rPr>
        <w:t>c := (s[agr=3s]/*np[case=nom,agr=3s])\\(vp\np[case=nom])</w:t>
      </w:r>
      <w:r w:rsidR="004F68CD">
        <w:rPr>
          <w:sz w:val="18"/>
        </w:rPr>
        <w:t xml:space="preserve"> </w:t>
      </w:r>
      <w:r w:rsidRPr="001E0A23">
        <w:rPr>
          <w:sz w:val="18"/>
        </w:rPr>
        <w:t>: \p\x.p x;</w:t>
      </w:r>
    </w:p>
    <w:p w:rsidR="0014091F" w:rsidRPr="001E0A23" w:rsidRDefault="0014091F" w:rsidP="0014091F">
      <w:pPr>
        <w:pStyle w:val="NoSpacing"/>
        <w:rPr>
          <w:sz w:val="18"/>
        </w:rPr>
      </w:pPr>
      <w:r w:rsidRPr="001E0A23">
        <w:rPr>
          <w:sz w:val="18"/>
        </w:rPr>
        <w:t>-k</w:t>
      </w:r>
      <w:r w:rsidRPr="001E0A23">
        <w:rPr>
          <w:sz w:val="18"/>
        </w:rPr>
        <w:tab/>
      </w:r>
      <w:r w:rsidRPr="001E0A23">
        <w:rPr>
          <w:sz w:val="18"/>
        </w:rPr>
        <w:tab/>
      </w:r>
      <w:r w:rsidRPr="001E0A23">
        <w:rPr>
          <w:sz w:val="18"/>
        </w:rPr>
        <w:t>c := (s[agr=1p]/*np[case=nom,agr=1p])\\(vp\np[case=nom])</w:t>
      </w:r>
      <w:r w:rsidR="00985DB3">
        <w:rPr>
          <w:sz w:val="18"/>
        </w:rPr>
        <w:t xml:space="preserve"> </w:t>
      </w:r>
      <w:r w:rsidRPr="001E0A23">
        <w:rPr>
          <w:sz w:val="18"/>
        </w:rPr>
        <w:t>: \p\x.p x;</w:t>
      </w:r>
    </w:p>
    <w:p w:rsidR="0014091F" w:rsidRPr="001E0A23" w:rsidRDefault="0014091F" w:rsidP="0014091F">
      <w:pPr>
        <w:pStyle w:val="NoSpacing"/>
        <w:rPr>
          <w:sz w:val="18"/>
        </w:rPr>
      </w:pPr>
      <w:r w:rsidRPr="001E0A23">
        <w:rPr>
          <w:sz w:val="18"/>
        </w:rPr>
        <w:t>-niz</w:t>
      </w:r>
      <w:r w:rsidRPr="001E0A23">
        <w:rPr>
          <w:sz w:val="18"/>
        </w:rPr>
        <w:tab/>
      </w:r>
      <w:r w:rsidRPr="001E0A23">
        <w:rPr>
          <w:sz w:val="18"/>
        </w:rPr>
        <w:tab/>
        <w:t>c := (s[agr=2p]/*np[case=nom,agr=2p])\\(vp\np[case=nom])</w:t>
      </w:r>
      <w:r w:rsidR="00985DB3">
        <w:rPr>
          <w:sz w:val="18"/>
        </w:rPr>
        <w:t xml:space="preserve"> </w:t>
      </w:r>
      <w:r w:rsidRPr="001E0A23">
        <w:rPr>
          <w:sz w:val="18"/>
        </w:rPr>
        <w:t>: \p\x.p x;</w:t>
      </w:r>
    </w:p>
    <w:p w:rsidR="0014091F" w:rsidRPr="001E0A23" w:rsidRDefault="0014091F" w:rsidP="0014091F">
      <w:pPr>
        <w:pStyle w:val="NoSpacing"/>
        <w:rPr>
          <w:sz w:val="18"/>
        </w:rPr>
      </w:pPr>
      <w:r w:rsidRPr="001E0A23">
        <w:rPr>
          <w:sz w:val="18"/>
        </w:rPr>
        <w:t>-ler</w:t>
      </w:r>
      <w:r w:rsidRPr="001E0A23">
        <w:rPr>
          <w:sz w:val="18"/>
        </w:rPr>
        <w:tab/>
      </w:r>
      <w:r w:rsidRPr="001E0A23">
        <w:rPr>
          <w:sz w:val="18"/>
        </w:rPr>
        <w:tab/>
        <w:t>c := (s[agr=3p]/*np[case=nom,agr=3p])\\(vp\np[case=nom])</w:t>
      </w:r>
      <w:r w:rsidR="00985DB3">
        <w:rPr>
          <w:sz w:val="18"/>
        </w:rPr>
        <w:t xml:space="preserve"> </w:t>
      </w:r>
      <w:r w:rsidRPr="001E0A23">
        <w:rPr>
          <w:sz w:val="18"/>
        </w:rPr>
        <w:t>: \p\x.p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transitive</w:t>
      </w:r>
    </w:p>
    <w:p w:rsidR="0014091F" w:rsidRPr="001E0A23" w:rsidRDefault="0014091F" w:rsidP="0014091F">
      <w:pPr>
        <w:pStyle w:val="NoSpacing"/>
        <w:rPr>
          <w:sz w:val="18"/>
        </w:rPr>
      </w:pPr>
      <w:r w:rsidRPr="001E0A23">
        <w:rPr>
          <w:sz w:val="18"/>
        </w:rPr>
        <w:t>%%% sov</w:t>
      </w:r>
    </w:p>
    <w:p w:rsidR="0014091F" w:rsidRPr="001E0A23" w:rsidRDefault="0014091F" w:rsidP="0014091F">
      <w:pPr>
        <w:pStyle w:val="NoSpacing"/>
        <w:rPr>
          <w:sz w:val="18"/>
        </w:rPr>
      </w:pPr>
      <w:r w:rsidRPr="001E0A23">
        <w:rPr>
          <w:sz w:val="18"/>
        </w:rPr>
        <w:t>-m</w:t>
      </w:r>
      <w:r w:rsidRPr="001E0A23">
        <w:rPr>
          <w:sz w:val="18"/>
        </w:rPr>
        <w:tab/>
      </w:r>
      <w:r w:rsidRPr="001E0A23">
        <w:rPr>
          <w:sz w:val="18"/>
        </w:rPr>
        <w:tab/>
      </w:r>
      <w:r w:rsidRPr="001E0A23">
        <w:rPr>
          <w:sz w:val="18"/>
        </w:rPr>
        <w:t>c := ((s[agr=1s]\*np[case=nom,agr=1s])\*np[case=?x1])\\((vp\np[case=nom])\np[case=?x1])</w:t>
      </w:r>
      <w:r w:rsidR="006B6165">
        <w:rPr>
          <w:sz w:val="18"/>
        </w:rPr>
        <w:t xml:space="preserve"> </w:t>
      </w:r>
      <w:r w:rsidRPr="001E0A23">
        <w:rPr>
          <w:sz w:val="18"/>
        </w:rPr>
        <w:t>: \p\a\x.p a x;</w:t>
      </w:r>
    </w:p>
    <w:p w:rsidR="0014091F" w:rsidRPr="001E0A23" w:rsidRDefault="0014091F" w:rsidP="0014091F">
      <w:pPr>
        <w:pStyle w:val="NoSpacing"/>
        <w:rPr>
          <w:sz w:val="18"/>
        </w:rPr>
      </w:pPr>
      <w:r w:rsidRPr="001E0A23">
        <w:rPr>
          <w:sz w:val="18"/>
        </w:rPr>
        <w:t>-n</w:t>
      </w:r>
      <w:r w:rsidRPr="001E0A23">
        <w:rPr>
          <w:sz w:val="18"/>
        </w:rPr>
        <w:tab/>
      </w:r>
      <w:r w:rsidRPr="001E0A23">
        <w:rPr>
          <w:sz w:val="18"/>
        </w:rPr>
        <w:tab/>
      </w:r>
      <w:r w:rsidRPr="001E0A23">
        <w:rPr>
          <w:sz w:val="18"/>
        </w:rPr>
        <w:t>c := ((s[agr=2s]\*np[case=nom,agr=2s])\*np[case=?x1])\\((vp\np[case=nom])\np[case=?x1])</w:t>
      </w:r>
      <w:r w:rsidR="006B6165">
        <w:rPr>
          <w:sz w:val="18"/>
        </w:rPr>
        <w:t xml:space="preserve"> </w:t>
      </w:r>
      <w:r w:rsidRPr="001E0A23">
        <w:rPr>
          <w:sz w:val="18"/>
        </w:rPr>
        <w:t>: \p\a\x.p a x;</w:t>
      </w:r>
    </w:p>
    <w:p w:rsidR="0014091F" w:rsidRPr="001E0A23" w:rsidRDefault="0014091F" w:rsidP="0014091F">
      <w:pPr>
        <w:pStyle w:val="NoSpacing"/>
        <w:rPr>
          <w:sz w:val="18"/>
        </w:rPr>
      </w:pPr>
      <w:r w:rsidRPr="001E0A23">
        <w:rPr>
          <w:sz w:val="18"/>
        </w:rPr>
        <w:t>-0</w:t>
      </w:r>
      <w:r w:rsidRPr="001E0A23">
        <w:rPr>
          <w:sz w:val="18"/>
        </w:rPr>
        <w:tab/>
      </w:r>
      <w:r w:rsidRPr="001E0A23">
        <w:rPr>
          <w:sz w:val="18"/>
        </w:rPr>
        <w:tab/>
      </w:r>
      <w:r w:rsidRPr="001E0A23">
        <w:rPr>
          <w:sz w:val="18"/>
        </w:rPr>
        <w:t>c := ((s[agr=3s]\*np[case=nom,agr=3s])\*np[case=?x1])\\((vp\np[case=nom])\np[case=?x1])</w:t>
      </w:r>
      <w:r w:rsidR="00746B64">
        <w:rPr>
          <w:sz w:val="18"/>
        </w:rPr>
        <w:t xml:space="preserve"> </w:t>
      </w:r>
      <w:r w:rsidRPr="001E0A23">
        <w:rPr>
          <w:sz w:val="18"/>
        </w:rPr>
        <w:t>: \p\a\x.p a x;</w:t>
      </w:r>
    </w:p>
    <w:p w:rsidR="0014091F" w:rsidRPr="001E0A23" w:rsidRDefault="0014091F" w:rsidP="0014091F">
      <w:pPr>
        <w:pStyle w:val="NoSpacing"/>
        <w:rPr>
          <w:sz w:val="18"/>
        </w:rPr>
      </w:pPr>
      <w:r w:rsidRPr="001E0A23">
        <w:rPr>
          <w:sz w:val="18"/>
        </w:rPr>
        <w:t>-k</w:t>
      </w:r>
      <w:r w:rsidRPr="001E0A23">
        <w:rPr>
          <w:sz w:val="18"/>
        </w:rPr>
        <w:tab/>
      </w:r>
      <w:r w:rsidRPr="001E0A23">
        <w:rPr>
          <w:sz w:val="18"/>
        </w:rPr>
        <w:tab/>
      </w:r>
      <w:r w:rsidRPr="001E0A23">
        <w:rPr>
          <w:sz w:val="18"/>
        </w:rPr>
        <w:t>c := ((s[agr=1p]\*np[case=nom,agr=1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z</w:t>
      </w:r>
      <w:r w:rsidRPr="001E0A23">
        <w:rPr>
          <w:sz w:val="18"/>
        </w:rPr>
        <w:tab/>
      </w:r>
      <w:r w:rsidRPr="001E0A23">
        <w:rPr>
          <w:sz w:val="18"/>
        </w:rPr>
        <w:tab/>
      </w:r>
      <w:r w:rsidRPr="001E0A23">
        <w:rPr>
          <w:sz w:val="18"/>
        </w:rPr>
        <w:t>c := ((s[agr=1p]\*np[case=nom,agr=1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niz</w:t>
      </w:r>
      <w:r w:rsidRPr="001E0A23">
        <w:rPr>
          <w:sz w:val="18"/>
        </w:rPr>
        <w:tab/>
      </w:r>
      <w:r w:rsidRPr="001E0A23">
        <w:rPr>
          <w:sz w:val="18"/>
        </w:rPr>
        <w:tab/>
        <w:t>c := ((s[agr=2p]\*np[case=nom,agr=2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siniz</w:t>
      </w:r>
      <w:r w:rsidRPr="001E0A23">
        <w:rPr>
          <w:sz w:val="18"/>
        </w:rPr>
        <w:tab/>
      </w:r>
      <w:r w:rsidRPr="001E0A23">
        <w:rPr>
          <w:sz w:val="18"/>
        </w:rPr>
        <w:tab/>
        <w:t>c := ((s[agr=2p]\*np[case=nom,agr=2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ler</w:t>
      </w:r>
      <w:r w:rsidRPr="001E0A23">
        <w:rPr>
          <w:sz w:val="18"/>
        </w:rPr>
        <w:tab/>
      </w:r>
      <w:r w:rsidRPr="001E0A23">
        <w:rPr>
          <w:sz w:val="18"/>
        </w:rPr>
        <w:tab/>
        <w:t>c := ((s[agr=3p]\*np[case=nom,agr=3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svo</w:t>
      </w:r>
    </w:p>
    <w:p w:rsidR="0014091F" w:rsidRPr="001E0A23" w:rsidRDefault="0014091F" w:rsidP="0014091F">
      <w:pPr>
        <w:pStyle w:val="NoSpacing"/>
        <w:rPr>
          <w:sz w:val="18"/>
        </w:rPr>
      </w:pPr>
      <w:r w:rsidRPr="001E0A23">
        <w:rPr>
          <w:sz w:val="18"/>
        </w:rPr>
        <w:t>-m</w:t>
      </w:r>
      <w:r w:rsidRPr="001E0A23">
        <w:rPr>
          <w:sz w:val="18"/>
        </w:rPr>
        <w:tab/>
      </w:r>
      <w:r w:rsidRPr="001E0A23">
        <w:rPr>
          <w:sz w:val="18"/>
        </w:rPr>
        <w:tab/>
      </w:r>
      <w:r w:rsidRPr="001E0A23">
        <w:rPr>
          <w:sz w:val="18"/>
        </w:rPr>
        <w:t>c := ((s[agr=1s]\*np[case=nom,agr=1s])/*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n</w:t>
      </w:r>
      <w:r w:rsidRPr="001E0A23">
        <w:rPr>
          <w:sz w:val="18"/>
        </w:rPr>
        <w:tab/>
      </w:r>
      <w:r w:rsidRPr="001E0A23">
        <w:rPr>
          <w:sz w:val="18"/>
        </w:rPr>
        <w:tab/>
      </w:r>
      <w:r w:rsidRPr="001E0A23">
        <w:rPr>
          <w:sz w:val="18"/>
        </w:rPr>
        <w:t>c := ((s[agr=2s]\*np[case=nom,agr=2s])/*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0</w:t>
      </w:r>
      <w:r w:rsidRPr="001E0A23">
        <w:rPr>
          <w:sz w:val="18"/>
        </w:rPr>
        <w:tab/>
      </w:r>
      <w:r w:rsidRPr="001E0A23">
        <w:rPr>
          <w:sz w:val="18"/>
        </w:rPr>
        <w:tab/>
      </w:r>
      <w:r w:rsidRPr="001E0A23">
        <w:rPr>
          <w:sz w:val="18"/>
        </w:rPr>
        <w:t>c := ((s[agr=3s]\*np[case=nom,agr=3s])/*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k</w:t>
      </w:r>
      <w:r w:rsidRPr="001E0A23">
        <w:rPr>
          <w:sz w:val="18"/>
        </w:rPr>
        <w:tab/>
      </w:r>
      <w:r w:rsidRPr="001E0A23">
        <w:rPr>
          <w:sz w:val="18"/>
        </w:rPr>
        <w:tab/>
      </w:r>
      <w:r w:rsidRPr="001E0A23">
        <w:rPr>
          <w:sz w:val="18"/>
        </w:rPr>
        <w:t>c := ((s[agr=1p]\*np[case=nom,agr=1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z</w:t>
      </w:r>
      <w:r w:rsidRPr="001E0A23">
        <w:rPr>
          <w:sz w:val="18"/>
        </w:rPr>
        <w:tab/>
      </w:r>
      <w:r w:rsidRPr="001E0A23">
        <w:rPr>
          <w:sz w:val="18"/>
        </w:rPr>
        <w:tab/>
      </w:r>
      <w:r w:rsidRPr="001E0A23">
        <w:rPr>
          <w:sz w:val="18"/>
        </w:rPr>
        <w:t>c := ((s[agr=1p]\*np[case=nom,agr=1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niz</w:t>
      </w:r>
      <w:r w:rsidRPr="001E0A23">
        <w:rPr>
          <w:sz w:val="18"/>
        </w:rPr>
        <w:tab/>
      </w:r>
      <w:r w:rsidRPr="001E0A23">
        <w:rPr>
          <w:sz w:val="18"/>
        </w:rPr>
        <w:tab/>
        <w:t>c := ((s[agr=2p]\*np[case=nom,agr=2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siniz</w:t>
      </w:r>
      <w:r w:rsidRPr="001E0A23">
        <w:rPr>
          <w:sz w:val="18"/>
        </w:rPr>
        <w:tab/>
      </w:r>
      <w:r w:rsidRPr="001E0A23">
        <w:rPr>
          <w:sz w:val="18"/>
        </w:rPr>
        <w:tab/>
        <w:t>c := ((s[agr=2p]\*np[case=nom,agr=2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ler</w:t>
      </w:r>
      <w:r w:rsidRPr="001E0A23">
        <w:rPr>
          <w:sz w:val="18"/>
        </w:rPr>
        <w:tab/>
      </w:r>
      <w:r w:rsidRPr="001E0A23">
        <w:rPr>
          <w:sz w:val="18"/>
        </w:rPr>
        <w:tab/>
        <w:t>c := ((s[agr=3p]\*np[case=nom,agr=3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osv</w:t>
      </w:r>
    </w:p>
    <w:p w:rsidR="0014091F" w:rsidRPr="001E0A23" w:rsidRDefault="0014091F" w:rsidP="0014091F">
      <w:pPr>
        <w:pStyle w:val="NoSpacing"/>
        <w:rPr>
          <w:sz w:val="18"/>
        </w:rPr>
      </w:pPr>
      <w:r w:rsidRPr="001E0A23">
        <w:rPr>
          <w:sz w:val="18"/>
        </w:rPr>
        <w:t>-m</w:t>
      </w:r>
      <w:r w:rsidRPr="001E0A23">
        <w:rPr>
          <w:sz w:val="18"/>
        </w:rPr>
        <w:tab/>
      </w:r>
      <w:r w:rsidRPr="001E0A23">
        <w:rPr>
          <w:sz w:val="18"/>
        </w:rPr>
        <w:tab/>
      </w:r>
      <w:r w:rsidRPr="001E0A23">
        <w:rPr>
          <w:sz w:val="18"/>
        </w:rPr>
        <w:t>c := ((s[agr=1s]\*np[case=?x1])\*np[case=nom,agr=1s])\\((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n</w:t>
      </w:r>
      <w:r w:rsidRPr="001E0A23">
        <w:rPr>
          <w:sz w:val="18"/>
        </w:rPr>
        <w:tab/>
      </w:r>
      <w:r w:rsidRPr="001E0A23">
        <w:rPr>
          <w:sz w:val="18"/>
        </w:rPr>
        <w:tab/>
      </w:r>
      <w:r w:rsidRPr="001E0A23">
        <w:rPr>
          <w:sz w:val="18"/>
        </w:rPr>
        <w:t>c := ((s[agr=2s]\*np[case=?x1])\*np[case=nom,agr=2s])\\((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0</w:t>
      </w:r>
      <w:r w:rsidRPr="001E0A23">
        <w:rPr>
          <w:sz w:val="18"/>
        </w:rPr>
        <w:tab/>
      </w:r>
      <w:r w:rsidRPr="001E0A23">
        <w:rPr>
          <w:sz w:val="18"/>
        </w:rPr>
        <w:tab/>
      </w:r>
      <w:r w:rsidRPr="001E0A23">
        <w:rPr>
          <w:sz w:val="18"/>
        </w:rPr>
        <w:t>c := ((s[agr=3s]\*np[case=?x1])\*np[case=nom,agr=3s])\\((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k</w:t>
      </w:r>
      <w:r w:rsidRPr="001E0A23">
        <w:rPr>
          <w:sz w:val="18"/>
        </w:rPr>
        <w:tab/>
      </w:r>
      <w:r w:rsidRPr="001E0A23">
        <w:rPr>
          <w:sz w:val="18"/>
        </w:rPr>
        <w:tab/>
      </w:r>
      <w:r w:rsidRPr="001E0A23">
        <w:rPr>
          <w:sz w:val="18"/>
        </w:rPr>
        <w:t>c := ((s[agr=1p]\*np[case=?x1])\*np[case=nom,agr=1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z</w:t>
      </w:r>
      <w:r w:rsidRPr="001E0A23">
        <w:rPr>
          <w:sz w:val="18"/>
        </w:rPr>
        <w:tab/>
      </w:r>
      <w:r w:rsidRPr="001E0A23">
        <w:rPr>
          <w:sz w:val="18"/>
        </w:rPr>
        <w:tab/>
      </w:r>
      <w:r w:rsidRPr="001E0A23">
        <w:rPr>
          <w:sz w:val="18"/>
        </w:rPr>
        <w:t>c := ((s[agr=1p]\*np[case=?x1])\*np[case=nom,agr=1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niz</w:t>
      </w:r>
      <w:r w:rsidRPr="001E0A23">
        <w:rPr>
          <w:sz w:val="18"/>
        </w:rPr>
        <w:tab/>
      </w:r>
      <w:r w:rsidRPr="001E0A23">
        <w:rPr>
          <w:sz w:val="18"/>
        </w:rPr>
        <w:tab/>
        <w:t>c := ((s[agr=2p]\*np[case=?x1])\*np[case=nom,agr=2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siniz</w:t>
      </w:r>
      <w:r w:rsidRPr="001E0A23">
        <w:rPr>
          <w:sz w:val="18"/>
        </w:rPr>
        <w:tab/>
      </w:r>
      <w:r w:rsidRPr="001E0A23">
        <w:rPr>
          <w:sz w:val="18"/>
        </w:rPr>
        <w:tab/>
        <w:t>c := ((s[agr=2p]\*np[case=?x1])\*np[case=nom,agr=2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ler</w:t>
      </w:r>
      <w:r w:rsidRPr="001E0A23">
        <w:rPr>
          <w:sz w:val="18"/>
        </w:rPr>
        <w:tab/>
      </w:r>
      <w:r w:rsidRPr="001E0A23">
        <w:rPr>
          <w:sz w:val="18"/>
        </w:rPr>
        <w:tab/>
        <w:t>c := ((s[agr=3p]\*np[case=?x1])\*np[case=nom,agr=3p])\\((vp\np[case=nom])\np[case=?x1])</w:t>
      </w:r>
      <w:r w:rsidR="00AC4239">
        <w:rPr>
          <w:sz w:val="18"/>
        </w:rPr>
        <w:t xml:space="preserve"> </w:t>
      </w:r>
      <w:r w:rsidRPr="001E0A23">
        <w:rPr>
          <w:sz w:val="18"/>
        </w:rPr>
        <w:t>: \p\x\a.p a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ovs</w:t>
      </w:r>
    </w:p>
    <w:p w:rsidR="0014091F" w:rsidRPr="001E0A23" w:rsidRDefault="0014091F" w:rsidP="0014091F">
      <w:pPr>
        <w:pStyle w:val="NoSpacing"/>
        <w:rPr>
          <w:sz w:val="18"/>
        </w:rPr>
      </w:pPr>
      <w:r w:rsidRPr="001E0A23">
        <w:rPr>
          <w:sz w:val="18"/>
        </w:rPr>
        <w:t>-m</w:t>
      </w:r>
      <w:r w:rsidRPr="001E0A23">
        <w:rPr>
          <w:sz w:val="18"/>
        </w:rPr>
        <w:tab/>
      </w:r>
      <w:r w:rsidRPr="001E0A23">
        <w:rPr>
          <w:sz w:val="18"/>
        </w:rPr>
        <w:tab/>
      </w:r>
      <w:r w:rsidRPr="001E0A23">
        <w:rPr>
          <w:sz w:val="18"/>
        </w:rPr>
        <w:t>c := ((s[agr=1s]\*np[case=?x1])/*np[case=nom,agr=1s])\\((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n</w:t>
      </w:r>
      <w:r w:rsidRPr="001E0A23">
        <w:rPr>
          <w:sz w:val="18"/>
        </w:rPr>
        <w:tab/>
      </w:r>
      <w:r w:rsidRPr="001E0A23">
        <w:rPr>
          <w:sz w:val="18"/>
        </w:rPr>
        <w:tab/>
      </w:r>
      <w:r w:rsidRPr="001E0A23">
        <w:rPr>
          <w:sz w:val="18"/>
        </w:rPr>
        <w:t>c := ((s[agr=2s]\*np[case=?x1])/*np[case=nom,agr=2s])\\((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0</w:t>
      </w:r>
      <w:r w:rsidRPr="001E0A23">
        <w:rPr>
          <w:sz w:val="18"/>
        </w:rPr>
        <w:tab/>
      </w:r>
      <w:r w:rsidRPr="001E0A23">
        <w:rPr>
          <w:sz w:val="18"/>
        </w:rPr>
        <w:tab/>
      </w:r>
      <w:r w:rsidRPr="001E0A23">
        <w:rPr>
          <w:sz w:val="18"/>
        </w:rPr>
        <w:t>c := ((s[agr=3s]\*np[case=?x1])/*np[case=nom,agr=3s])\\((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k</w:t>
      </w:r>
      <w:r w:rsidRPr="001E0A23">
        <w:rPr>
          <w:sz w:val="18"/>
        </w:rPr>
        <w:tab/>
      </w:r>
      <w:r w:rsidRPr="001E0A23">
        <w:rPr>
          <w:sz w:val="18"/>
        </w:rPr>
        <w:tab/>
      </w:r>
      <w:r w:rsidRPr="001E0A23">
        <w:rPr>
          <w:sz w:val="18"/>
        </w:rPr>
        <w:t>c := ((s[agr=1p]\*np[case=?x1])/*np[case=nom,agr=1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z</w:t>
      </w:r>
      <w:r w:rsidRPr="001E0A23">
        <w:rPr>
          <w:sz w:val="18"/>
        </w:rPr>
        <w:tab/>
      </w:r>
      <w:r w:rsidRPr="001E0A23">
        <w:rPr>
          <w:sz w:val="18"/>
        </w:rPr>
        <w:tab/>
      </w:r>
      <w:r w:rsidRPr="001E0A23">
        <w:rPr>
          <w:sz w:val="18"/>
        </w:rPr>
        <w:t>c := ((s[agr=1p]\*np[case=?x1])/*np[case=nom,agr=1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niz</w:t>
      </w:r>
      <w:r w:rsidRPr="001E0A23">
        <w:rPr>
          <w:sz w:val="18"/>
        </w:rPr>
        <w:tab/>
      </w:r>
      <w:r w:rsidRPr="001E0A23">
        <w:rPr>
          <w:sz w:val="18"/>
        </w:rPr>
        <w:tab/>
        <w:t>c := ((s[agr=2p]\*np[case=?x1])/*np[case=nom,agr=2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siniz</w:t>
      </w:r>
      <w:r w:rsidRPr="001E0A23">
        <w:rPr>
          <w:sz w:val="18"/>
        </w:rPr>
        <w:tab/>
      </w:r>
      <w:r w:rsidRPr="001E0A23">
        <w:rPr>
          <w:sz w:val="18"/>
        </w:rPr>
        <w:tab/>
        <w:t>c := ((s[agr=2p]\*np[case=?x1])/*np[case=nom,agr=2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ler</w:t>
      </w:r>
      <w:r w:rsidRPr="001E0A23">
        <w:rPr>
          <w:sz w:val="18"/>
        </w:rPr>
        <w:tab/>
      </w:r>
      <w:r w:rsidRPr="001E0A23">
        <w:rPr>
          <w:sz w:val="18"/>
        </w:rPr>
        <w:tab/>
        <w:t>c := ((s[agr=3p]\*np[case=?x1])/*np[case=nom,agr=3p])\\((vp\np[case=nom])\np[case=?x1])</w:t>
      </w:r>
      <w:r w:rsidR="00AC4239">
        <w:rPr>
          <w:sz w:val="18"/>
        </w:rPr>
        <w:t xml:space="preserve"> </w:t>
      </w:r>
      <w:r w:rsidRPr="001E0A23">
        <w:rPr>
          <w:sz w:val="18"/>
        </w:rPr>
        <w:t>: \p\x\a.p a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vso</w:t>
      </w:r>
    </w:p>
    <w:p w:rsidR="0014091F" w:rsidRPr="001E0A23" w:rsidRDefault="0014091F" w:rsidP="0014091F">
      <w:pPr>
        <w:pStyle w:val="NoSpacing"/>
        <w:rPr>
          <w:sz w:val="18"/>
        </w:rPr>
      </w:pPr>
      <w:r w:rsidRPr="001E0A23">
        <w:rPr>
          <w:sz w:val="18"/>
        </w:rPr>
        <w:t>-m</w:t>
      </w:r>
      <w:r w:rsidRPr="001E0A23">
        <w:rPr>
          <w:sz w:val="18"/>
        </w:rPr>
        <w:tab/>
      </w:r>
      <w:r w:rsidRPr="001E0A23">
        <w:rPr>
          <w:sz w:val="18"/>
        </w:rPr>
        <w:tab/>
      </w:r>
      <w:r w:rsidRPr="001E0A23">
        <w:rPr>
          <w:sz w:val="18"/>
        </w:rPr>
        <w:t>c := ((s[agr=1s]/*np[case=?x1])/*np[case=nom,agr=1s])\\((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n</w:t>
      </w:r>
      <w:r w:rsidRPr="001E0A23">
        <w:rPr>
          <w:sz w:val="18"/>
        </w:rPr>
        <w:tab/>
      </w:r>
      <w:r w:rsidRPr="001E0A23">
        <w:rPr>
          <w:sz w:val="18"/>
        </w:rPr>
        <w:tab/>
      </w:r>
      <w:r w:rsidRPr="001E0A23">
        <w:rPr>
          <w:sz w:val="18"/>
        </w:rPr>
        <w:t>c := ((s[agr=2s]/*np[case=?x1])/*np[case=nom,agr=2s])\\((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0</w:t>
      </w:r>
      <w:r w:rsidRPr="001E0A23">
        <w:rPr>
          <w:sz w:val="18"/>
        </w:rPr>
        <w:tab/>
      </w:r>
      <w:r w:rsidRPr="001E0A23">
        <w:rPr>
          <w:sz w:val="18"/>
        </w:rPr>
        <w:tab/>
      </w:r>
      <w:r w:rsidRPr="001E0A23">
        <w:rPr>
          <w:sz w:val="18"/>
        </w:rPr>
        <w:t>c := ((s[agr=3s]/*np[case=?x1])/*np[case=nom,agr=3s])\\((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k</w:t>
      </w:r>
      <w:r w:rsidRPr="001E0A23">
        <w:rPr>
          <w:sz w:val="18"/>
        </w:rPr>
        <w:tab/>
      </w:r>
      <w:r w:rsidRPr="001E0A23">
        <w:rPr>
          <w:sz w:val="18"/>
        </w:rPr>
        <w:tab/>
      </w:r>
      <w:r w:rsidRPr="001E0A23">
        <w:rPr>
          <w:sz w:val="18"/>
        </w:rPr>
        <w:t>c := ((s[agr=1p]/*np[case=?x1])/*np[case=nom,agr=1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z</w:t>
      </w:r>
      <w:r w:rsidRPr="001E0A23">
        <w:rPr>
          <w:sz w:val="18"/>
        </w:rPr>
        <w:tab/>
      </w:r>
      <w:r w:rsidRPr="001E0A23">
        <w:rPr>
          <w:sz w:val="18"/>
        </w:rPr>
        <w:tab/>
      </w:r>
      <w:r w:rsidRPr="001E0A23">
        <w:rPr>
          <w:sz w:val="18"/>
        </w:rPr>
        <w:t>c := ((s[agr=1p]/*np[case=?x1])/*np[case=nom,agr=1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niz</w:t>
      </w:r>
      <w:r w:rsidRPr="001E0A23">
        <w:rPr>
          <w:sz w:val="18"/>
        </w:rPr>
        <w:tab/>
      </w:r>
      <w:r w:rsidRPr="001E0A23">
        <w:rPr>
          <w:sz w:val="18"/>
        </w:rPr>
        <w:tab/>
        <w:t>c := ((s[agr=2p]/*np[case=?x1])/*np[case=nom,agr=2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siniz</w:t>
      </w:r>
      <w:r w:rsidRPr="001E0A23">
        <w:rPr>
          <w:sz w:val="18"/>
        </w:rPr>
        <w:tab/>
      </w:r>
      <w:r w:rsidRPr="001E0A23">
        <w:rPr>
          <w:sz w:val="18"/>
        </w:rPr>
        <w:tab/>
        <w:t>c := ((s[agr=2p]/*np[case=?x1])/*np[case=nom,agr=2p])\\((vp\np[case=nom])\np[case=?x1])</w:t>
      </w:r>
      <w:r w:rsidR="00AC4239">
        <w:rPr>
          <w:sz w:val="18"/>
        </w:rPr>
        <w:t xml:space="preserve"> </w:t>
      </w:r>
      <w:r w:rsidRPr="001E0A23">
        <w:rPr>
          <w:sz w:val="18"/>
        </w:rPr>
        <w:t>: \p\x\a.p a x;</w:t>
      </w:r>
    </w:p>
    <w:p w:rsidR="0014091F" w:rsidRPr="001E0A23" w:rsidRDefault="0014091F" w:rsidP="0014091F">
      <w:pPr>
        <w:pStyle w:val="NoSpacing"/>
        <w:rPr>
          <w:sz w:val="18"/>
        </w:rPr>
      </w:pPr>
      <w:r w:rsidRPr="001E0A23">
        <w:rPr>
          <w:sz w:val="18"/>
        </w:rPr>
        <w:t>-ler</w:t>
      </w:r>
      <w:r w:rsidRPr="001E0A23">
        <w:rPr>
          <w:sz w:val="18"/>
        </w:rPr>
        <w:tab/>
      </w:r>
      <w:r w:rsidRPr="001E0A23">
        <w:rPr>
          <w:sz w:val="18"/>
        </w:rPr>
        <w:tab/>
        <w:t>c := ((s[agr=3p]/*np[case=?x1])/*np[case=nom,agr=3p])\\((vp\np[case=nom])\np[case=?x1])</w:t>
      </w:r>
      <w:r w:rsidR="00AC4239">
        <w:rPr>
          <w:sz w:val="18"/>
        </w:rPr>
        <w:t xml:space="preserve"> </w:t>
      </w:r>
      <w:r w:rsidRPr="001E0A23">
        <w:rPr>
          <w:sz w:val="18"/>
        </w:rPr>
        <w:t>: \p\x\a.p a x;</w:t>
      </w:r>
    </w:p>
    <w:p w:rsidR="004A3CA2" w:rsidRPr="001E0A23" w:rsidRDefault="004A3CA2" w:rsidP="0014091F">
      <w:pPr>
        <w:pStyle w:val="NoSpacing"/>
        <w:rPr>
          <w:sz w:val="18"/>
        </w:rPr>
      </w:pPr>
    </w:p>
    <w:p w:rsidR="0014091F" w:rsidRPr="001E0A23" w:rsidRDefault="0014091F" w:rsidP="0014091F">
      <w:pPr>
        <w:pStyle w:val="NoSpacing"/>
        <w:rPr>
          <w:sz w:val="18"/>
        </w:rPr>
      </w:pPr>
      <w:r w:rsidRPr="001E0A23">
        <w:rPr>
          <w:sz w:val="18"/>
        </w:rPr>
        <w:t>%%% vos</w:t>
      </w:r>
    </w:p>
    <w:p w:rsidR="0014091F" w:rsidRPr="001E0A23" w:rsidRDefault="0014091F" w:rsidP="0014091F">
      <w:pPr>
        <w:pStyle w:val="NoSpacing"/>
        <w:rPr>
          <w:sz w:val="18"/>
        </w:rPr>
      </w:pPr>
      <w:r w:rsidRPr="001E0A23">
        <w:rPr>
          <w:sz w:val="18"/>
        </w:rPr>
        <w:t>-m</w:t>
      </w:r>
      <w:r w:rsidRPr="001E0A23">
        <w:rPr>
          <w:sz w:val="18"/>
        </w:rPr>
        <w:tab/>
      </w:r>
      <w:r w:rsidRPr="001E0A23">
        <w:rPr>
          <w:sz w:val="18"/>
        </w:rPr>
        <w:tab/>
      </w:r>
      <w:r w:rsidRPr="001E0A23">
        <w:rPr>
          <w:sz w:val="18"/>
        </w:rPr>
        <w:t>c := ((s[agr=1s]/*np[case=nom,agr=1s])/*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n</w:t>
      </w:r>
      <w:r w:rsidRPr="001E0A23">
        <w:rPr>
          <w:sz w:val="18"/>
        </w:rPr>
        <w:tab/>
      </w:r>
      <w:r w:rsidRPr="001E0A23">
        <w:rPr>
          <w:sz w:val="18"/>
        </w:rPr>
        <w:tab/>
      </w:r>
      <w:r w:rsidRPr="001E0A23">
        <w:rPr>
          <w:sz w:val="18"/>
        </w:rPr>
        <w:t>c := ((s[agr=2s]/*np[case=nom,agr=2s])/*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0</w:t>
      </w:r>
      <w:r w:rsidRPr="001E0A23">
        <w:rPr>
          <w:sz w:val="18"/>
        </w:rPr>
        <w:tab/>
      </w:r>
      <w:r w:rsidRPr="001E0A23">
        <w:rPr>
          <w:sz w:val="18"/>
        </w:rPr>
        <w:tab/>
      </w:r>
      <w:r w:rsidRPr="001E0A23">
        <w:rPr>
          <w:sz w:val="18"/>
        </w:rPr>
        <w:t>c := ((s[agr=3s]/*np[case=nom,agr=3s])/*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k</w:t>
      </w:r>
      <w:r w:rsidRPr="001E0A23">
        <w:rPr>
          <w:sz w:val="18"/>
        </w:rPr>
        <w:tab/>
      </w:r>
      <w:r w:rsidRPr="001E0A23">
        <w:rPr>
          <w:sz w:val="18"/>
        </w:rPr>
        <w:tab/>
      </w:r>
      <w:r w:rsidRPr="001E0A23">
        <w:rPr>
          <w:sz w:val="18"/>
        </w:rPr>
        <w:t>c := ((s[agr=1p]/*np[case=nom,agr=1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z</w:t>
      </w:r>
      <w:r w:rsidRPr="001E0A23">
        <w:rPr>
          <w:sz w:val="18"/>
        </w:rPr>
        <w:tab/>
      </w:r>
      <w:r w:rsidRPr="001E0A23">
        <w:rPr>
          <w:sz w:val="18"/>
        </w:rPr>
        <w:tab/>
      </w:r>
      <w:r w:rsidRPr="001E0A23">
        <w:rPr>
          <w:sz w:val="18"/>
        </w:rPr>
        <w:t>c := ((s[agr=1p]/*np[case=nom,agr=1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niz</w:t>
      </w:r>
      <w:r w:rsidRPr="001E0A23">
        <w:rPr>
          <w:sz w:val="18"/>
        </w:rPr>
        <w:tab/>
      </w:r>
      <w:r w:rsidRPr="001E0A23">
        <w:rPr>
          <w:sz w:val="18"/>
        </w:rPr>
        <w:tab/>
        <w:t>c := ((s[agr=2p]/*np[case=nom,agr=2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siniz</w:t>
      </w:r>
      <w:r w:rsidRPr="001E0A23">
        <w:rPr>
          <w:sz w:val="18"/>
        </w:rPr>
        <w:tab/>
      </w:r>
      <w:r w:rsidRPr="001E0A23">
        <w:rPr>
          <w:sz w:val="18"/>
        </w:rPr>
        <w:tab/>
        <w:t>c := ((s[agr=2p]/*np[case=nom,agr=2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r w:rsidRPr="001E0A23">
        <w:rPr>
          <w:sz w:val="18"/>
        </w:rPr>
        <w:t>-ler</w:t>
      </w:r>
      <w:r w:rsidRPr="001E0A23">
        <w:rPr>
          <w:sz w:val="18"/>
        </w:rPr>
        <w:tab/>
      </w:r>
      <w:r w:rsidRPr="001E0A23">
        <w:rPr>
          <w:sz w:val="18"/>
        </w:rPr>
        <w:tab/>
        <w:t>c := ((s[agr=3p]/*np[case=nom,agr=3p])/*np[case=?x1])\\((vp\np[case=nom])\np[case=?x1])</w:t>
      </w:r>
      <w:r w:rsidR="00AC4239">
        <w:rPr>
          <w:sz w:val="18"/>
        </w:rPr>
        <w:t xml:space="preserve"> </w:t>
      </w:r>
      <w:r w:rsidRPr="001E0A23">
        <w:rPr>
          <w:sz w:val="18"/>
        </w:rPr>
        <w:t>: \p\a\x.p a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lastRenderedPageBreak/>
        <w:t>%%Speech environment</w:t>
      </w:r>
    </w:p>
    <w:p w:rsidR="0014091F" w:rsidRPr="001E0A23" w:rsidRDefault="0014091F" w:rsidP="0014091F">
      <w:pPr>
        <w:pStyle w:val="NoSpacing"/>
        <w:rPr>
          <w:sz w:val="18"/>
        </w:rPr>
      </w:pPr>
      <w:r w:rsidRPr="001E0A23">
        <w:rPr>
          <w:sz w:val="18"/>
        </w:rPr>
        <w:t xml:space="preserve">now </w:t>
      </w:r>
      <w:r w:rsidRPr="001E0A23">
        <w:rPr>
          <w:sz w:val="18"/>
        </w:rPr>
        <w:tab/>
        <w:t>n := np : !time_current;</w:t>
      </w:r>
    </w:p>
    <w:p w:rsidR="0014091F" w:rsidRPr="001E0A23" w:rsidRDefault="0014091F" w:rsidP="0014091F">
      <w:pPr>
        <w:pStyle w:val="NoSpacing"/>
        <w:rPr>
          <w:sz w:val="18"/>
        </w:rPr>
      </w:pPr>
      <w:r w:rsidRPr="001E0A23">
        <w:rPr>
          <w:sz w:val="18"/>
        </w:rPr>
        <w:t>actual_world n := np : !world_actual;</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uffixes</w:t>
      </w:r>
    </w:p>
    <w:p w:rsidR="0014091F" w:rsidRPr="001E0A23" w:rsidRDefault="0014091F" w:rsidP="0014091F">
      <w:pPr>
        <w:pStyle w:val="NoSpacing"/>
        <w:rPr>
          <w:sz w:val="18"/>
        </w:rPr>
      </w:pPr>
      <w:r w:rsidRPr="001E0A23">
        <w:rPr>
          <w:sz w:val="18"/>
        </w:rPr>
        <w:t>%%Non-finite verb suffix attempts</w:t>
      </w:r>
    </w:p>
    <w:p w:rsidR="0014091F" w:rsidRPr="001E0A23" w:rsidRDefault="0014091F" w:rsidP="0014091F">
      <w:pPr>
        <w:pStyle w:val="NoSpacing"/>
        <w:rPr>
          <w:sz w:val="18"/>
        </w:rPr>
      </w:pPr>
      <w:r w:rsidRPr="001E0A23">
        <w:rPr>
          <w:sz w:val="18"/>
        </w:rPr>
        <w:t>%%Case markers integrated</w:t>
      </w:r>
    </w:p>
    <w:p w:rsidR="0014091F" w:rsidRPr="001E0A23" w:rsidRDefault="0014091F" w:rsidP="0014091F">
      <w:pPr>
        <w:pStyle w:val="NoSpacing"/>
        <w:rPr>
          <w:sz w:val="18"/>
        </w:rPr>
      </w:pPr>
      <w:r w:rsidRPr="001E0A23">
        <w:rPr>
          <w:sz w:val="18"/>
        </w:rPr>
        <w:t>%%Possessive markers integrated</w:t>
      </w:r>
    </w:p>
    <w:p w:rsidR="0014091F" w:rsidRPr="001E0A23" w:rsidRDefault="0014091F" w:rsidP="0014091F">
      <w:pPr>
        <w:pStyle w:val="NoSpacing"/>
        <w:rPr>
          <w:sz w:val="18"/>
        </w:rPr>
      </w:pPr>
      <w:r w:rsidRPr="001E0A23">
        <w:rPr>
          <w:sz w:val="18"/>
        </w:rPr>
        <w:t>%%Accompanying words integrated</w:t>
      </w:r>
    </w:p>
    <w:p w:rsidR="0014091F" w:rsidRPr="001E0A23" w:rsidRDefault="0014091F" w:rsidP="0014091F">
      <w:pPr>
        <w:pStyle w:val="NoSpacing"/>
        <w:rPr>
          <w:sz w:val="18"/>
        </w:rPr>
      </w:pPr>
      <w:r w:rsidRPr="001E0A23">
        <w:rPr>
          <w:sz w:val="18"/>
        </w:rPr>
        <w:t>%%Negation markers sometimes integrated (no tense/aspect/modality markers for them to bind)</w:t>
      </w:r>
    </w:p>
    <w:p w:rsidR="0014091F" w:rsidRPr="001E0A23" w:rsidRDefault="0014091F" w:rsidP="0014091F">
      <w:pPr>
        <w:pStyle w:val="NoSpacing"/>
        <w:rPr>
          <w:sz w:val="18"/>
        </w:rPr>
      </w:pPr>
      <w:r w:rsidRPr="001E0A23">
        <w:rPr>
          <w:sz w:val="18"/>
        </w:rPr>
        <w:t>-mesini</w:t>
      </w:r>
      <w:r w:rsidRPr="001E0A23">
        <w:rPr>
          <w:sz w:val="18"/>
        </w:rPr>
        <w:tab/>
      </w:r>
      <w:r w:rsidRPr="001E0A23">
        <w:rPr>
          <w:sz w:val="18"/>
        </w:rPr>
        <w:tab/>
        <w:t>c := np\*vp[pos=0] : \p.!fact p; %-me -i (poss) -i (acc)</w:t>
      </w:r>
    </w:p>
    <w:p w:rsidR="0014091F" w:rsidRPr="001E0A23" w:rsidRDefault="0014091F" w:rsidP="0014091F">
      <w:pPr>
        <w:pStyle w:val="NoSpacing"/>
        <w:rPr>
          <w:sz w:val="18"/>
        </w:rPr>
      </w:pPr>
      <w:r w:rsidRPr="001E0A23">
        <w:rPr>
          <w:sz w:val="18"/>
        </w:rPr>
        <w:t>-mesini</w:t>
      </w:r>
      <w:r w:rsidRPr="001E0A23">
        <w:rPr>
          <w:sz w:val="18"/>
        </w:rPr>
        <w:tab/>
      </w:r>
      <w:r w:rsidRPr="001E0A23">
        <w:rPr>
          <w:sz w:val="18"/>
        </w:rPr>
        <w:tab/>
        <w:t>c := np\*vp[pos=1] : \p.!fact p;</w:t>
      </w:r>
    </w:p>
    <w:p w:rsidR="0014091F" w:rsidRPr="001E0A23" w:rsidRDefault="0014091F" w:rsidP="0014091F">
      <w:pPr>
        <w:pStyle w:val="NoSpacing"/>
        <w:rPr>
          <w:sz w:val="18"/>
        </w:rPr>
      </w:pPr>
      <w:r w:rsidRPr="001E0A23">
        <w:rPr>
          <w:sz w:val="18"/>
        </w:rPr>
        <w:t>-mesini</w:t>
      </w:r>
      <w:r w:rsidRPr="001E0A23">
        <w:rPr>
          <w:sz w:val="18"/>
        </w:rPr>
        <w:tab/>
      </w:r>
      <w:r w:rsidRPr="001E0A23">
        <w:rPr>
          <w:sz w:val="18"/>
        </w:rPr>
        <w:tab/>
        <w:t>c := np\*vp[pos=2] : \p.!fact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işini</w:t>
      </w:r>
      <w:r w:rsidRPr="001E0A23">
        <w:rPr>
          <w:sz w:val="18"/>
        </w:rPr>
        <w:tab/>
      </w:r>
      <w:r w:rsidRPr="001E0A23">
        <w:rPr>
          <w:sz w:val="18"/>
        </w:rPr>
        <w:tab/>
        <w:t>c := np\*vp[pos=0] : \p.!manner p; %-iş -i (poss) -i (acc)</w:t>
      </w:r>
    </w:p>
    <w:p w:rsidR="0014091F" w:rsidRPr="001E0A23" w:rsidRDefault="0014091F" w:rsidP="0014091F">
      <w:pPr>
        <w:pStyle w:val="NoSpacing"/>
        <w:rPr>
          <w:sz w:val="18"/>
        </w:rPr>
      </w:pPr>
      <w:r w:rsidRPr="001E0A23">
        <w:rPr>
          <w:sz w:val="18"/>
        </w:rPr>
        <w:t>-işini</w:t>
      </w:r>
      <w:r w:rsidRPr="001E0A23">
        <w:rPr>
          <w:sz w:val="18"/>
        </w:rPr>
        <w:tab/>
      </w:r>
      <w:r w:rsidRPr="001E0A23">
        <w:rPr>
          <w:sz w:val="18"/>
        </w:rPr>
        <w:tab/>
        <w:t>c := np\*vp[pos=1] : \p.!manner p;</w:t>
      </w:r>
    </w:p>
    <w:p w:rsidR="0014091F" w:rsidRPr="001E0A23" w:rsidRDefault="0014091F" w:rsidP="0014091F">
      <w:pPr>
        <w:pStyle w:val="NoSpacing"/>
        <w:rPr>
          <w:sz w:val="18"/>
        </w:rPr>
      </w:pPr>
      <w:r w:rsidRPr="001E0A23">
        <w:rPr>
          <w:sz w:val="18"/>
        </w:rPr>
        <w:t>-işini</w:t>
      </w:r>
      <w:r w:rsidRPr="001E0A23">
        <w:rPr>
          <w:sz w:val="18"/>
        </w:rPr>
        <w:tab/>
      </w:r>
      <w:r w:rsidRPr="001E0A23">
        <w:rPr>
          <w:sz w:val="18"/>
        </w:rPr>
        <w:tab/>
        <w:t>c := np\*vp[pos=2] : \p.!manner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diğini</w:t>
      </w:r>
      <w:r w:rsidRPr="001E0A23">
        <w:rPr>
          <w:sz w:val="18"/>
        </w:rPr>
        <w:tab/>
      </w:r>
      <w:r w:rsidRPr="001E0A23">
        <w:rPr>
          <w:sz w:val="18"/>
        </w:rPr>
        <w:tab/>
        <w:t>c := np\*vp[pos=0] : \p.!actual_event p; %-dik -i (poss) -i (acc)</w:t>
      </w:r>
    </w:p>
    <w:p w:rsidR="0014091F" w:rsidRPr="001E0A23" w:rsidRDefault="0014091F" w:rsidP="0014091F">
      <w:pPr>
        <w:pStyle w:val="NoSpacing"/>
        <w:rPr>
          <w:sz w:val="18"/>
        </w:rPr>
      </w:pPr>
      <w:r w:rsidRPr="001E0A23">
        <w:rPr>
          <w:sz w:val="18"/>
        </w:rPr>
        <w:t>-diğini</w:t>
      </w:r>
      <w:r w:rsidRPr="001E0A23">
        <w:rPr>
          <w:sz w:val="18"/>
        </w:rPr>
        <w:tab/>
      </w:r>
      <w:r w:rsidRPr="001E0A23">
        <w:rPr>
          <w:sz w:val="18"/>
        </w:rPr>
        <w:tab/>
        <w:t>c := np\*vp[pos=1] : \p.!actual_event p;</w:t>
      </w:r>
    </w:p>
    <w:p w:rsidR="0014091F" w:rsidRPr="001E0A23" w:rsidRDefault="0014091F" w:rsidP="0014091F">
      <w:pPr>
        <w:pStyle w:val="NoSpacing"/>
        <w:rPr>
          <w:sz w:val="18"/>
        </w:rPr>
      </w:pPr>
      <w:r w:rsidRPr="001E0A23">
        <w:rPr>
          <w:sz w:val="18"/>
        </w:rPr>
        <w:t>-diğini</w:t>
      </w:r>
      <w:r w:rsidRPr="001E0A23">
        <w:rPr>
          <w:sz w:val="18"/>
        </w:rPr>
        <w:tab/>
      </w:r>
      <w:r w:rsidRPr="001E0A23">
        <w:rPr>
          <w:sz w:val="18"/>
        </w:rPr>
        <w:tab/>
        <w:t>c := np\*vp[pos=2] : \p.!actual_event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eceğini</w:t>
      </w:r>
      <w:r w:rsidRPr="001E0A23">
        <w:rPr>
          <w:sz w:val="18"/>
        </w:rPr>
        <w:tab/>
      </w:r>
      <w:r w:rsidRPr="001E0A23">
        <w:rPr>
          <w:sz w:val="18"/>
        </w:rPr>
        <w:tab/>
      </w:r>
      <w:r w:rsidRPr="001E0A23">
        <w:rPr>
          <w:sz w:val="18"/>
        </w:rPr>
        <w:t>c := np\*vp[pos=0] : \p.!hypothetical_event p; %-ecek -i (poss) -i (acc)</w:t>
      </w:r>
    </w:p>
    <w:p w:rsidR="0014091F" w:rsidRPr="001E0A23" w:rsidRDefault="0014091F" w:rsidP="0014091F">
      <w:pPr>
        <w:pStyle w:val="NoSpacing"/>
        <w:rPr>
          <w:sz w:val="18"/>
        </w:rPr>
      </w:pPr>
      <w:r w:rsidRPr="001E0A23">
        <w:rPr>
          <w:sz w:val="18"/>
        </w:rPr>
        <w:t>-eceğini</w:t>
      </w:r>
      <w:r w:rsidRPr="001E0A23">
        <w:rPr>
          <w:sz w:val="18"/>
        </w:rPr>
        <w:tab/>
      </w:r>
      <w:r w:rsidRPr="001E0A23">
        <w:rPr>
          <w:sz w:val="18"/>
        </w:rPr>
        <w:tab/>
      </w:r>
      <w:r w:rsidRPr="001E0A23">
        <w:rPr>
          <w:sz w:val="18"/>
        </w:rPr>
        <w:t>c := np\*vp[pos=1] : \p.!hypothetical_event p;</w:t>
      </w:r>
    </w:p>
    <w:p w:rsidR="0014091F" w:rsidRPr="001E0A23" w:rsidRDefault="0014091F" w:rsidP="0014091F">
      <w:pPr>
        <w:pStyle w:val="NoSpacing"/>
        <w:rPr>
          <w:sz w:val="18"/>
        </w:rPr>
      </w:pPr>
      <w:r w:rsidRPr="001E0A23">
        <w:rPr>
          <w:sz w:val="18"/>
        </w:rPr>
        <w:t>-eceğini</w:t>
      </w:r>
      <w:r w:rsidRPr="001E0A23">
        <w:rPr>
          <w:sz w:val="18"/>
        </w:rPr>
        <w:tab/>
      </w:r>
      <w:r w:rsidRPr="001E0A23">
        <w:rPr>
          <w:sz w:val="18"/>
        </w:rPr>
        <w:tab/>
        <w:t>c := np\*vp[pos=2] : \p.!hypothetical_event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onverbs</w:t>
      </w:r>
    </w:p>
    <w:p w:rsidR="0014091F" w:rsidRPr="001E0A23" w:rsidRDefault="0014091F" w:rsidP="0014091F">
      <w:pPr>
        <w:pStyle w:val="NoSpacing"/>
        <w:rPr>
          <w:sz w:val="18"/>
        </w:rPr>
      </w:pPr>
      <w:r w:rsidRPr="001E0A23">
        <w:rPr>
          <w:sz w:val="18"/>
        </w:rPr>
        <w:t>%%%w0 and t0 must be taken from the main verb for -iken, which is problematic</w:t>
      </w:r>
    </w:p>
    <w:p w:rsidR="0014091F" w:rsidRPr="001E0A23" w:rsidRDefault="0014091F" w:rsidP="0014091F">
      <w:pPr>
        <w:pStyle w:val="NoSpacing"/>
        <w:rPr>
          <w:sz w:val="18"/>
        </w:rPr>
      </w:pPr>
      <w:r w:rsidRPr="001E0A23">
        <w:rPr>
          <w:sz w:val="18"/>
        </w:rPr>
        <w:t>-iken</w:t>
      </w:r>
      <w:r w:rsidRPr="001E0A23">
        <w:rPr>
          <w:sz w:val="18"/>
        </w:rPr>
        <w:tab/>
      </w:r>
      <w:r w:rsidRPr="001E0A23">
        <w:rPr>
          <w:sz w:val="18"/>
        </w:rPr>
        <w:tab/>
        <w:t>c := vp[vp=time_conv,pos=converb]\*vp[pos=4] : \p\w0\t0.!while (p w0 t0); %-iken</w:t>
      </w:r>
    </w:p>
    <w:p w:rsidR="0014091F" w:rsidRPr="001E0A23" w:rsidRDefault="0014091F" w:rsidP="0014091F">
      <w:pPr>
        <w:pStyle w:val="NoSpacing"/>
        <w:rPr>
          <w:sz w:val="18"/>
        </w:rPr>
      </w:pPr>
      <w:r w:rsidRPr="001E0A23">
        <w:rPr>
          <w:sz w:val="18"/>
        </w:rPr>
        <w:t>-iken</w:t>
      </w:r>
      <w:r w:rsidRPr="001E0A23">
        <w:rPr>
          <w:sz w:val="18"/>
        </w:rPr>
        <w:tab/>
      </w:r>
      <w:r w:rsidRPr="001E0A23">
        <w:rPr>
          <w:sz w:val="18"/>
        </w:rPr>
        <w:tab/>
        <w:t>c := (vp[vp=time_conv,pos=converb]\*np)\*(vp[pos=4]\np) : \p\x\w0\t0.!while (p x w0 t0);</w:t>
      </w:r>
    </w:p>
    <w:p w:rsidR="0014091F" w:rsidRPr="001E0A23" w:rsidRDefault="0014091F" w:rsidP="0014091F">
      <w:pPr>
        <w:pStyle w:val="NoSpacing"/>
        <w:rPr>
          <w:sz w:val="18"/>
        </w:rPr>
      </w:pPr>
      <w:r w:rsidRPr="001E0A23">
        <w:rPr>
          <w:sz w:val="18"/>
        </w:rPr>
        <w:t>-iken</w:t>
      </w:r>
      <w:r w:rsidRPr="001E0A23">
        <w:rPr>
          <w:sz w:val="18"/>
        </w:rPr>
        <w:tab/>
      </w:r>
      <w:r w:rsidRPr="001E0A23">
        <w:rPr>
          <w:sz w:val="18"/>
        </w:rPr>
        <w:tab/>
        <w:t>c := ((vp[vp=time_conv,pos=converb]\*np)\*np)\*((vp[pos=4]\np)\np) : \p\x\y\w0\t0.!while (p x y w0 t0);</w:t>
      </w:r>
    </w:p>
    <w:p w:rsidR="0014091F" w:rsidRPr="001E0A23" w:rsidRDefault="0014091F" w:rsidP="0014091F">
      <w:pPr>
        <w:pStyle w:val="NoSpacing"/>
        <w:rPr>
          <w:sz w:val="18"/>
        </w:rPr>
      </w:pPr>
      <w:r w:rsidRPr="001E0A23">
        <w:rPr>
          <w:sz w:val="18"/>
        </w:rPr>
        <w:t>-iken</w:t>
      </w:r>
      <w:r w:rsidRPr="001E0A23">
        <w:rPr>
          <w:sz w:val="18"/>
        </w:rPr>
        <w:tab/>
      </w:r>
      <w:r w:rsidRPr="001E0A23">
        <w:rPr>
          <w:sz w:val="18"/>
        </w:rPr>
        <w:tab/>
        <w:t>c := (((vp[vp=time_conv,pos=converb]\*np)\*np)\*np)\*(((vp[pos=4]\np)\np)\np) : \p\x\y\z\w0\t0.!while (p x y z w0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erek</w:t>
      </w:r>
      <w:r w:rsidRPr="001E0A23">
        <w:rPr>
          <w:sz w:val="18"/>
        </w:rPr>
        <w:tab/>
      </w:r>
      <w:r w:rsidRPr="001E0A23">
        <w:rPr>
          <w:sz w:val="18"/>
        </w:rPr>
        <w:tab/>
        <w:t>c := vp[vp=manner_conv,pos=converb]\*vp[pos=0] : \p.!while p; %-erek</w:t>
      </w:r>
    </w:p>
    <w:p w:rsidR="0014091F" w:rsidRPr="001E0A23" w:rsidRDefault="0014091F" w:rsidP="0014091F">
      <w:pPr>
        <w:pStyle w:val="NoSpacing"/>
        <w:rPr>
          <w:sz w:val="18"/>
        </w:rPr>
      </w:pPr>
      <w:r w:rsidRPr="001E0A23">
        <w:rPr>
          <w:sz w:val="18"/>
        </w:rPr>
        <w:t>-erek</w:t>
      </w:r>
      <w:r w:rsidRPr="001E0A23">
        <w:rPr>
          <w:sz w:val="18"/>
        </w:rPr>
        <w:tab/>
      </w:r>
      <w:r w:rsidRPr="001E0A23">
        <w:rPr>
          <w:sz w:val="18"/>
        </w:rPr>
        <w:tab/>
        <w:t>c := vp[vp=manner_conv,pos=converb]\*vp[pos=1] : \p.!while p;</w:t>
      </w:r>
    </w:p>
    <w:p w:rsidR="0014091F" w:rsidRPr="001E0A23" w:rsidRDefault="0014091F" w:rsidP="0014091F">
      <w:pPr>
        <w:pStyle w:val="NoSpacing"/>
        <w:rPr>
          <w:sz w:val="18"/>
        </w:rPr>
      </w:pPr>
      <w:r w:rsidRPr="001E0A23">
        <w:rPr>
          <w:sz w:val="18"/>
        </w:rPr>
        <w:t>-erek</w:t>
      </w:r>
      <w:r w:rsidRPr="001E0A23">
        <w:rPr>
          <w:sz w:val="18"/>
        </w:rPr>
        <w:tab/>
      </w:r>
      <w:r w:rsidRPr="001E0A23">
        <w:rPr>
          <w:sz w:val="18"/>
        </w:rPr>
        <w:tab/>
        <w:t>c := vp[vp=manner_conv,pos=converb]\*vp[pos=2] : \p.!while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dikçe</w:t>
      </w:r>
      <w:r w:rsidRPr="001E0A23">
        <w:rPr>
          <w:sz w:val="18"/>
        </w:rPr>
        <w:tab/>
      </w:r>
      <w:r w:rsidRPr="001E0A23">
        <w:rPr>
          <w:sz w:val="18"/>
        </w:rPr>
        <w:tab/>
        <w:t>c := vp[vp=manner_conv,pos=converb]\*vp[pos=0] : \p.!the_more p;</w:t>
      </w:r>
    </w:p>
    <w:p w:rsidR="0014091F" w:rsidRPr="001E0A23" w:rsidRDefault="0014091F" w:rsidP="0014091F">
      <w:pPr>
        <w:pStyle w:val="NoSpacing"/>
        <w:rPr>
          <w:sz w:val="18"/>
        </w:rPr>
      </w:pPr>
      <w:r w:rsidRPr="001E0A23">
        <w:rPr>
          <w:sz w:val="18"/>
        </w:rPr>
        <w:t>-dikçe</w:t>
      </w:r>
      <w:r w:rsidRPr="001E0A23">
        <w:rPr>
          <w:sz w:val="18"/>
        </w:rPr>
        <w:tab/>
      </w:r>
      <w:r w:rsidRPr="001E0A23">
        <w:rPr>
          <w:sz w:val="18"/>
        </w:rPr>
        <w:tab/>
        <w:t>c := vp[vp=manner_conv,pos=converb]\*vp[pos=1] : \p.!the_more p;</w:t>
      </w:r>
    </w:p>
    <w:p w:rsidR="0014091F" w:rsidRPr="001E0A23" w:rsidRDefault="0014091F" w:rsidP="0014091F">
      <w:pPr>
        <w:pStyle w:val="NoSpacing"/>
        <w:rPr>
          <w:sz w:val="18"/>
        </w:rPr>
      </w:pPr>
      <w:r w:rsidRPr="001E0A23">
        <w:rPr>
          <w:sz w:val="18"/>
        </w:rPr>
        <w:t>-dikçe</w:t>
      </w:r>
      <w:r w:rsidRPr="001E0A23">
        <w:rPr>
          <w:sz w:val="18"/>
        </w:rPr>
        <w:tab/>
      </w:r>
      <w:r w:rsidRPr="001E0A23">
        <w:rPr>
          <w:sz w:val="18"/>
        </w:rPr>
        <w:tab/>
        <w:t>c := vp[vp=manner_conv,pos=converb]\*vp[pos=2] : \p.!the_more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diğinde</w:t>
      </w:r>
      <w:r w:rsidRPr="001E0A23">
        <w:rPr>
          <w:sz w:val="18"/>
        </w:rPr>
        <w:tab/>
      </w:r>
      <w:r w:rsidR="004A3CA2">
        <w:rPr>
          <w:sz w:val="18"/>
        </w:rPr>
        <w:tab/>
      </w:r>
      <w:r w:rsidRPr="001E0A23">
        <w:rPr>
          <w:sz w:val="18"/>
        </w:rPr>
        <w:t xml:space="preserve">c := vp[vp=time_conv,pos=converb]\*vp[pos=0] : \p\w0\t0.!when p; </w:t>
      </w:r>
    </w:p>
    <w:p w:rsidR="0014091F" w:rsidRPr="001E0A23" w:rsidRDefault="0014091F" w:rsidP="0014091F">
      <w:pPr>
        <w:pStyle w:val="NoSpacing"/>
        <w:rPr>
          <w:sz w:val="18"/>
        </w:rPr>
      </w:pPr>
      <w:r w:rsidRPr="001E0A23">
        <w:rPr>
          <w:sz w:val="18"/>
        </w:rPr>
        <w:t>-diğinde</w:t>
      </w:r>
      <w:r w:rsidRPr="001E0A23">
        <w:rPr>
          <w:sz w:val="18"/>
        </w:rPr>
        <w:tab/>
      </w:r>
      <w:r w:rsidR="004A3CA2">
        <w:rPr>
          <w:sz w:val="18"/>
        </w:rPr>
        <w:tab/>
      </w:r>
      <w:r w:rsidRPr="001E0A23">
        <w:rPr>
          <w:sz w:val="18"/>
        </w:rPr>
        <w:t>c := vp[vp=time_conv,pos=converb]\*vp[pos=1] : \p\w0\t0.!when p;</w:t>
      </w:r>
    </w:p>
    <w:p w:rsidR="0014091F" w:rsidRPr="001E0A23" w:rsidRDefault="0014091F" w:rsidP="0014091F">
      <w:pPr>
        <w:pStyle w:val="NoSpacing"/>
        <w:rPr>
          <w:sz w:val="18"/>
        </w:rPr>
      </w:pPr>
      <w:r w:rsidRPr="001E0A23">
        <w:rPr>
          <w:sz w:val="18"/>
        </w:rPr>
        <w:t>-diğinde</w:t>
      </w:r>
      <w:r w:rsidRPr="001E0A23">
        <w:rPr>
          <w:sz w:val="18"/>
        </w:rPr>
        <w:tab/>
      </w:r>
      <w:r w:rsidR="004A3CA2">
        <w:rPr>
          <w:sz w:val="18"/>
        </w:rPr>
        <w:tab/>
      </w:r>
      <w:r w:rsidRPr="001E0A23">
        <w:rPr>
          <w:sz w:val="18"/>
        </w:rPr>
        <w:t>c := vp[vp=time_conv,pos=converb]\*vp[pos=2] : \p\w0\t0.!when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diğinden_beri</w:t>
      </w:r>
      <w:r w:rsidRPr="001E0A23">
        <w:rPr>
          <w:sz w:val="18"/>
        </w:rPr>
        <w:tab/>
        <w:t xml:space="preserve">c := vp[vp=time_conv,pos=converb]\*vp[pos=0] : \p\w0\t0.!since p; </w:t>
      </w:r>
    </w:p>
    <w:p w:rsidR="0014091F" w:rsidRPr="001E0A23" w:rsidRDefault="0014091F" w:rsidP="0014091F">
      <w:pPr>
        <w:pStyle w:val="NoSpacing"/>
        <w:rPr>
          <w:sz w:val="18"/>
        </w:rPr>
      </w:pPr>
      <w:r w:rsidRPr="001E0A23">
        <w:rPr>
          <w:sz w:val="18"/>
        </w:rPr>
        <w:t>-diğinden_beri</w:t>
      </w:r>
      <w:r w:rsidRPr="001E0A23">
        <w:rPr>
          <w:sz w:val="18"/>
        </w:rPr>
        <w:tab/>
        <w:t>c := vp[vp=time_conv,pos=converb]\*vp[pos=1] : \p\w0\t0.!since p;</w:t>
      </w:r>
    </w:p>
    <w:p w:rsidR="0014091F" w:rsidRPr="001E0A23" w:rsidRDefault="0014091F" w:rsidP="0014091F">
      <w:pPr>
        <w:pStyle w:val="NoSpacing"/>
        <w:rPr>
          <w:sz w:val="18"/>
        </w:rPr>
      </w:pPr>
      <w:r w:rsidRPr="001E0A23">
        <w:rPr>
          <w:sz w:val="18"/>
        </w:rPr>
        <w:t>-diğinden_beri</w:t>
      </w:r>
      <w:r w:rsidRPr="001E0A23">
        <w:rPr>
          <w:sz w:val="18"/>
        </w:rPr>
        <w:tab/>
        <w:t>c := vp[vp=time_conv,pos=converb]\*vp[pos=2] : \p\w0\t0.!since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dikten_sonra</w:t>
      </w:r>
      <w:r w:rsidRPr="001E0A23">
        <w:rPr>
          <w:sz w:val="18"/>
        </w:rPr>
        <w:tab/>
        <w:t xml:space="preserve">c := vp[vp=time_conv,pos=converb]\*vp[pos=0] : \p\w0\t0.!after p; </w:t>
      </w:r>
    </w:p>
    <w:p w:rsidR="0014091F" w:rsidRPr="001E0A23" w:rsidRDefault="0014091F" w:rsidP="0014091F">
      <w:pPr>
        <w:pStyle w:val="NoSpacing"/>
        <w:rPr>
          <w:sz w:val="18"/>
        </w:rPr>
      </w:pPr>
      <w:r w:rsidRPr="001E0A23">
        <w:rPr>
          <w:sz w:val="18"/>
        </w:rPr>
        <w:t>-dikten_sonra</w:t>
      </w:r>
      <w:r w:rsidRPr="001E0A23">
        <w:rPr>
          <w:sz w:val="18"/>
        </w:rPr>
        <w:tab/>
        <w:t>c := vp[vp=time_conv,pos=converb]\*vp[pos=1] : \p\w0\t0.!after p;</w:t>
      </w:r>
    </w:p>
    <w:p w:rsidR="0014091F" w:rsidRPr="001E0A23" w:rsidRDefault="0014091F" w:rsidP="0014091F">
      <w:pPr>
        <w:pStyle w:val="NoSpacing"/>
        <w:rPr>
          <w:sz w:val="18"/>
        </w:rPr>
      </w:pPr>
      <w:r w:rsidRPr="001E0A23">
        <w:rPr>
          <w:sz w:val="18"/>
        </w:rPr>
        <w:t>-dikten_sonra</w:t>
      </w:r>
      <w:r w:rsidRPr="001E0A23">
        <w:rPr>
          <w:sz w:val="18"/>
        </w:rPr>
        <w:tab/>
        <w:t>c := vp[vp=time_conv,pos=converb]\*vp[pos=2] : \p\w0\t0.!after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eceğine_göre</w:t>
      </w:r>
      <w:r w:rsidRPr="001E0A23">
        <w:rPr>
          <w:sz w:val="18"/>
        </w:rPr>
        <w:tab/>
        <w:t xml:space="preserve">c := vp[vp=reason_conv,pos=converb]\*vp[pos=0] : \p.!since p; </w:t>
      </w:r>
    </w:p>
    <w:p w:rsidR="0014091F" w:rsidRPr="001E0A23" w:rsidRDefault="0014091F" w:rsidP="0014091F">
      <w:pPr>
        <w:pStyle w:val="NoSpacing"/>
        <w:rPr>
          <w:sz w:val="18"/>
        </w:rPr>
      </w:pPr>
      <w:r w:rsidRPr="001E0A23">
        <w:rPr>
          <w:sz w:val="18"/>
        </w:rPr>
        <w:t>-eceğine_göre</w:t>
      </w:r>
      <w:r w:rsidRPr="001E0A23">
        <w:rPr>
          <w:sz w:val="18"/>
        </w:rPr>
        <w:tab/>
        <w:t>c := vp[vp=reason_conv,pos=converb]\*vp[pos=1] : \p.!since p;</w:t>
      </w:r>
    </w:p>
    <w:p w:rsidR="0014091F" w:rsidRPr="001E0A23" w:rsidRDefault="0014091F" w:rsidP="0014091F">
      <w:pPr>
        <w:pStyle w:val="NoSpacing"/>
        <w:rPr>
          <w:sz w:val="18"/>
        </w:rPr>
      </w:pPr>
      <w:r w:rsidRPr="001E0A23">
        <w:rPr>
          <w:sz w:val="18"/>
        </w:rPr>
        <w:t>-eceğine_göre</w:t>
      </w:r>
      <w:r w:rsidRPr="001E0A23">
        <w:rPr>
          <w:sz w:val="18"/>
        </w:rPr>
        <w:tab/>
        <w:t>c := vp[vp=reason_conv,pos=converb]\*vp[pos=2] : \p.!since p;</w:t>
      </w:r>
    </w:p>
    <w:p w:rsidR="0014091F" w:rsidRPr="001E0A23" w:rsidRDefault="0014091F" w:rsidP="0014091F">
      <w:pPr>
        <w:pStyle w:val="NoSpacing"/>
        <w:rPr>
          <w:sz w:val="18"/>
        </w:rPr>
      </w:pPr>
    </w:p>
    <w:p w:rsidR="0014091F" w:rsidRPr="001E0A23" w:rsidRDefault="004A3CA2" w:rsidP="0014091F">
      <w:pPr>
        <w:pStyle w:val="NoSpacing"/>
        <w:rPr>
          <w:sz w:val="18"/>
        </w:rPr>
      </w:pPr>
      <w:r>
        <w:rPr>
          <w:sz w:val="18"/>
        </w:rPr>
        <w:t>-eceği_için</w:t>
      </w:r>
      <w:r>
        <w:rPr>
          <w:sz w:val="18"/>
        </w:rPr>
        <w:tab/>
      </w:r>
      <w:r w:rsidR="0014091F" w:rsidRPr="001E0A23">
        <w:rPr>
          <w:sz w:val="18"/>
        </w:rPr>
        <w:t xml:space="preserve">c := vp[vp=reason_conv,pos=converb]\*vp[pos=0] : \p.!since p; </w:t>
      </w:r>
    </w:p>
    <w:p w:rsidR="0014091F" w:rsidRPr="001E0A23" w:rsidRDefault="004A3CA2" w:rsidP="0014091F">
      <w:pPr>
        <w:pStyle w:val="NoSpacing"/>
        <w:rPr>
          <w:sz w:val="18"/>
        </w:rPr>
      </w:pPr>
      <w:r>
        <w:rPr>
          <w:sz w:val="18"/>
        </w:rPr>
        <w:t>-eceği_için</w:t>
      </w:r>
      <w:r>
        <w:rPr>
          <w:sz w:val="18"/>
        </w:rPr>
        <w:tab/>
      </w:r>
      <w:r w:rsidR="0014091F" w:rsidRPr="001E0A23">
        <w:rPr>
          <w:sz w:val="18"/>
        </w:rPr>
        <w:t>c := vp[vp=reason_conv,pos=converb]\*vp[pos=1] : \p.!since p;</w:t>
      </w:r>
    </w:p>
    <w:p w:rsidR="0014091F" w:rsidRPr="001E0A23" w:rsidRDefault="004A3CA2" w:rsidP="0014091F">
      <w:pPr>
        <w:pStyle w:val="NoSpacing"/>
        <w:rPr>
          <w:sz w:val="18"/>
        </w:rPr>
      </w:pPr>
      <w:r>
        <w:rPr>
          <w:sz w:val="18"/>
        </w:rPr>
        <w:t>-eceği_için</w:t>
      </w:r>
      <w:r>
        <w:rPr>
          <w:sz w:val="18"/>
        </w:rPr>
        <w:tab/>
      </w:r>
      <w:r w:rsidR="0014091F" w:rsidRPr="001E0A23">
        <w:rPr>
          <w:sz w:val="18"/>
        </w:rPr>
        <w:t>c := vp[vp=reason_conv,pos=converb]\*vp[pos=2] : \p.!since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eceğinden_dolayı</w:t>
      </w:r>
      <w:r w:rsidRPr="001E0A23">
        <w:rPr>
          <w:sz w:val="18"/>
        </w:rPr>
        <w:tab/>
        <w:t xml:space="preserve">c := vp[vp=reason_conv,pos=converb]\*vp[pos=0] : \p.!since p; </w:t>
      </w:r>
    </w:p>
    <w:p w:rsidR="0014091F" w:rsidRPr="001E0A23" w:rsidRDefault="0014091F" w:rsidP="0014091F">
      <w:pPr>
        <w:pStyle w:val="NoSpacing"/>
        <w:rPr>
          <w:sz w:val="18"/>
        </w:rPr>
      </w:pPr>
      <w:r w:rsidRPr="001E0A23">
        <w:rPr>
          <w:sz w:val="18"/>
        </w:rPr>
        <w:t>-eceğinden_dolayı</w:t>
      </w:r>
      <w:r w:rsidRPr="001E0A23">
        <w:rPr>
          <w:sz w:val="18"/>
        </w:rPr>
        <w:tab/>
        <w:t>c := vp[vp=reason_conv,pos=converb]\*vp[pos=1] : \p.!since p;</w:t>
      </w:r>
    </w:p>
    <w:p w:rsidR="0014091F" w:rsidRPr="001E0A23" w:rsidRDefault="0014091F" w:rsidP="0014091F">
      <w:pPr>
        <w:pStyle w:val="NoSpacing"/>
        <w:rPr>
          <w:sz w:val="18"/>
        </w:rPr>
      </w:pPr>
      <w:r w:rsidRPr="001E0A23">
        <w:rPr>
          <w:sz w:val="18"/>
        </w:rPr>
        <w:t>-eceğinden_dolayı</w:t>
      </w:r>
      <w:r w:rsidRPr="001E0A23">
        <w:rPr>
          <w:sz w:val="18"/>
        </w:rPr>
        <w:tab/>
        <w:t>c := vp[vp=reason_conv,pos=converb]\*vp[pos=2] : \p.!since p;</w:t>
      </w:r>
    </w:p>
    <w:p w:rsidR="0014091F" w:rsidRPr="001E0A23" w:rsidRDefault="0014091F" w:rsidP="0014091F">
      <w:pPr>
        <w:pStyle w:val="NoSpacing"/>
        <w:rPr>
          <w:sz w:val="18"/>
        </w:rPr>
      </w:pPr>
    </w:p>
    <w:p w:rsidR="0014091F" w:rsidRPr="001E0A23" w:rsidRDefault="00A70784" w:rsidP="0014091F">
      <w:pPr>
        <w:pStyle w:val="NoSpacing"/>
        <w:rPr>
          <w:sz w:val="18"/>
        </w:rPr>
      </w:pPr>
      <w:r>
        <w:rPr>
          <w:sz w:val="18"/>
        </w:rPr>
        <w:t>-ecek_kadar</w:t>
      </w:r>
      <w:r>
        <w:rPr>
          <w:sz w:val="18"/>
        </w:rPr>
        <w:tab/>
      </w:r>
      <w:r w:rsidR="0014091F" w:rsidRPr="001E0A23">
        <w:rPr>
          <w:sz w:val="18"/>
        </w:rPr>
        <w:t xml:space="preserve">c := vp[vp=reason_conv,pos=converb]\*vp[pos=0] : \p.!since p; </w:t>
      </w:r>
    </w:p>
    <w:p w:rsidR="0014091F" w:rsidRPr="001E0A23" w:rsidRDefault="00A70784" w:rsidP="0014091F">
      <w:pPr>
        <w:pStyle w:val="NoSpacing"/>
        <w:rPr>
          <w:sz w:val="18"/>
        </w:rPr>
      </w:pPr>
      <w:r>
        <w:rPr>
          <w:sz w:val="18"/>
        </w:rPr>
        <w:t>-ecek_kadar</w:t>
      </w:r>
      <w:r>
        <w:rPr>
          <w:sz w:val="18"/>
        </w:rPr>
        <w:tab/>
      </w:r>
      <w:r w:rsidR="0014091F" w:rsidRPr="001E0A23">
        <w:rPr>
          <w:sz w:val="18"/>
        </w:rPr>
        <w:t>c := vp[vp=reason_conv,pos=converb]\*vp[pos=1] : \p.!since p;</w:t>
      </w:r>
    </w:p>
    <w:p w:rsidR="0014091F" w:rsidRPr="001E0A23" w:rsidRDefault="00A70784" w:rsidP="0014091F">
      <w:pPr>
        <w:pStyle w:val="NoSpacing"/>
        <w:rPr>
          <w:sz w:val="18"/>
        </w:rPr>
      </w:pPr>
      <w:r>
        <w:rPr>
          <w:sz w:val="18"/>
        </w:rPr>
        <w:t>-ecek_kadar</w:t>
      </w:r>
      <w:r>
        <w:rPr>
          <w:sz w:val="18"/>
        </w:rPr>
        <w:tab/>
      </w:r>
      <w:r w:rsidR="0014091F" w:rsidRPr="001E0A23">
        <w:rPr>
          <w:sz w:val="18"/>
        </w:rPr>
        <w:t>c := vp[vp=reason_conv,pos=converb]\*vp[pos=2] : \p.!since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w:t>
      </w:r>
      <w:r w:rsidR="00A70784">
        <w:rPr>
          <w:sz w:val="18"/>
        </w:rPr>
        <w:t>meden</w:t>
      </w:r>
      <w:r w:rsidR="00A70784">
        <w:rPr>
          <w:sz w:val="18"/>
        </w:rPr>
        <w:tab/>
      </w:r>
      <w:r w:rsidR="00A70784">
        <w:rPr>
          <w:sz w:val="18"/>
        </w:rPr>
        <w:tab/>
      </w:r>
      <w:r w:rsidRPr="001E0A23">
        <w:rPr>
          <w:sz w:val="18"/>
        </w:rPr>
        <w:t xml:space="preserve">c := vp[vp=manner_conv,pos=converb]\*vp[pos=0] : \p.!without p; </w:t>
      </w:r>
    </w:p>
    <w:p w:rsidR="0014091F" w:rsidRPr="001E0A23" w:rsidRDefault="00A70784" w:rsidP="0014091F">
      <w:pPr>
        <w:pStyle w:val="NoSpacing"/>
        <w:rPr>
          <w:sz w:val="18"/>
        </w:rPr>
      </w:pPr>
      <w:r>
        <w:rPr>
          <w:sz w:val="18"/>
        </w:rPr>
        <w:lastRenderedPageBreak/>
        <w:t>-meden</w:t>
      </w:r>
      <w:r>
        <w:rPr>
          <w:sz w:val="18"/>
        </w:rPr>
        <w:tab/>
      </w:r>
      <w:r>
        <w:rPr>
          <w:sz w:val="18"/>
        </w:rPr>
        <w:tab/>
      </w:r>
      <w:r w:rsidR="0014091F" w:rsidRPr="001E0A23">
        <w:rPr>
          <w:sz w:val="18"/>
        </w:rPr>
        <w:t>c := vp[vp=manner_conv,pos=converb]\*vp[pos=1] : \p.!without p;</w:t>
      </w:r>
    </w:p>
    <w:p w:rsidR="0014091F" w:rsidRPr="001E0A23" w:rsidRDefault="00A70784" w:rsidP="0014091F">
      <w:pPr>
        <w:pStyle w:val="NoSpacing"/>
        <w:rPr>
          <w:sz w:val="18"/>
        </w:rPr>
      </w:pPr>
      <w:r>
        <w:rPr>
          <w:sz w:val="18"/>
        </w:rPr>
        <w:t>-meden</w:t>
      </w:r>
      <w:r>
        <w:rPr>
          <w:sz w:val="18"/>
        </w:rPr>
        <w:tab/>
      </w:r>
      <w:r>
        <w:rPr>
          <w:sz w:val="18"/>
        </w:rPr>
        <w:tab/>
      </w:r>
      <w:r w:rsidR="0014091F" w:rsidRPr="001E0A23">
        <w:rPr>
          <w:sz w:val="18"/>
        </w:rPr>
        <w:t>c := vp[vp=manner_conv,pos=converb]\*vp[pos=2] : \p.!without p;</w:t>
      </w:r>
    </w:p>
    <w:p w:rsidR="0014091F" w:rsidRPr="001E0A23" w:rsidRDefault="0014091F" w:rsidP="0014091F">
      <w:pPr>
        <w:pStyle w:val="NoSpacing"/>
        <w:rPr>
          <w:sz w:val="18"/>
        </w:rPr>
      </w:pPr>
    </w:p>
    <w:p w:rsidR="0014091F" w:rsidRPr="001E0A23" w:rsidRDefault="00A70784" w:rsidP="0014091F">
      <w:pPr>
        <w:pStyle w:val="NoSpacing"/>
        <w:rPr>
          <w:sz w:val="18"/>
        </w:rPr>
      </w:pPr>
      <w:r>
        <w:rPr>
          <w:sz w:val="18"/>
        </w:rPr>
        <w:t>-meden_önce</w:t>
      </w:r>
      <w:r>
        <w:rPr>
          <w:sz w:val="18"/>
        </w:rPr>
        <w:tab/>
      </w:r>
      <w:r w:rsidR="0014091F" w:rsidRPr="001E0A23">
        <w:rPr>
          <w:sz w:val="18"/>
        </w:rPr>
        <w:t xml:space="preserve">c := vp[vp=time_conv,pos=converb]\*vp[pos=0] : \p\w0\t0.!before p; </w:t>
      </w:r>
    </w:p>
    <w:p w:rsidR="0014091F" w:rsidRPr="001E0A23" w:rsidRDefault="00A70784" w:rsidP="0014091F">
      <w:pPr>
        <w:pStyle w:val="NoSpacing"/>
        <w:rPr>
          <w:sz w:val="18"/>
        </w:rPr>
      </w:pPr>
      <w:r>
        <w:rPr>
          <w:sz w:val="18"/>
        </w:rPr>
        <w:t>-meden_önce</w:t>
      </w:r>
      <w:r>
        <w:rPr>
          <w:sz w:val="18"/>
        </w:rPr>
        <w:tab/>
      </w:r>
      <w:r w:rsidR="0014091F" w:rsidRPr="001E0A23">
        <w:rPr>
          <w:sz w:val="18"/>
        </w:rPr>
        <w:t>c := vp[vp=time_conv,pos=converb]\*vp[pos=1] : \p\w0\t0.!before p;</w:t>
      </w:r>
    </w:p>
    <w:p w:rsidR="0014091F" w:rsidRPr="001E0A23" w:rsidRDefault="00A70784" w:rsidP="0014091F">
      <w:pPr>
        <w:pStyle w:val="NoSpacing"/>
        <w:rPr>
          <w:sz w:val="18"/>
        </w:rPr>
      </w:pPr>
      <w:r>
        <w:rPr>
          <w:sz w:val="18"/>
        </w:rPr>
        <w:t>-meden_önce</w:t>
      </w:r>
      <w:r>
        <w:rPr>
          <w:sz w:val="18"/>
        </w:rPr>
        <w:tab/>
      </w:r>
      <w:r w:rsidR="0014091F" w:rsidRPr="001E0A23">
        <w:rPr>
          <w:sz w:val="18"/>
        </w:rPr>
        <w:t>c := vp[vp=time_conv,pos=converb]\*vp[pos=2] : \p\w0\t0.!before p;</w:t>
      </w:r>
    </w:p>
    <w:p w:rsidR="0014091F" w:rsidRPr="001E0A23" w:rsidRDefault="0014091F" w:rsidP="0014091F">
      <w:pPr>
        <w:pStyle w:val="NoSpacing"/>
        <w:rPr>
          <w:sz w:val="18"/>
        </w:rPr>
      </w:pPr>
    </w:p>
    <w:p w:rsidR="0014091F" w:rsidRPr="001E0A23" w:rsidRDefault="00A70784" w:rsidP="0014091F">
      <w:pPr>
        <w:pStyle w:val="NoSpacing"/>
        <w:rPr>
          <w:sz w:val="18"/>
        </w:rPr>
      </w:pPr>
      <w:r>
        <w:rPr>
          <w:sz w:val="18"/>
        </w:rPr>
        <w:t>-eli</w:t>
      </w:r>
      <w:r>
        <w:rPr>
          <w:sz w:val="18"/>
        </w:rPr>
        <w:tab/>
      </w:r>
      <w:r>
        <w:rPr>
          <w:sz w:val="18"/>
        </w:rPr>
        <w:tab/>
      </w:r>
      <w:r w:rsidR="0014091F" w:rsidRPr="001E0A23">
        <w:rPr>
          <w:sz w:val="18"/>
        </w:rPr>
        <w:t xml:space="preserve">c := vp[vp=time_conv,pos=converb]\*vp[pos=0] : \p\w0\t0.!since p; </w:t>
      </w:r>
    </w:p>
    <w:p w:rsidR="0014091F" w:rsidRPr="001E0A23" w:rsidRDefault="00A70784" w:rsidP="0014091F">
      <w:pPr>
        <w:pStyle w:val="NoSpacing"/>
        <w:rPr>
          <w:sz w:val="18"/>
        </w:rPr>
      </w:pPr>
      <w:r>
        <w:rPr>
          <w:sz w:val="18"/>
        </w:rPr>
        <w:t>-eli</w:t>
      </w:r>
      <w:r>
        <w:rPr>
          <w:sz w:val="18"/>
        </w:rPr>
        <w:tab/>
      </w:r>
      <w:r>
        <w:rPr>
          <w:sz w:val="18"/>
        </w:rPr>
        <w:tab/>
      </w:r>
      <w:r w:rsidR="0014091F" w:rsidRPr="001E0A23">
        <w:rPr>
          <w:sz w:val="18"/>
        </w:rPr>
        <w:t>c := vp[vp=time_conv,pos=converb]\*vp[pos=1] : \p\w0\t0.!since p;</w:t>
      </w:r>
    </w:p>
    <w:p w:rsidR="0014091F" w:rsidRPr="001E0A23" w:rsidRDefault="00A70784" w:rsidP="0014091F">
      <w:pPr>
        <w:pStyle w:val="NoSpacing"/>
        <w:rPr>
          <w:sz w:val="18"/>
        </w:rPr>
      </w:pPr>
      <w:r>
        <w:rPr>
          <w:sz w:val="18"/>
        </w:rPr>
        <w:t>-eli</w:t>
      </w:r>
      <w:r>
        <w:rPr>
          <w:sz w:val="18"/>
        </w:rPr>
        <w:tab/>
      </w:r>
      <w:r>
        <w:rPr>
          <w:sz w:val="18"/>
        </w:rPr>
        <w:tab/>
      </w:r>
      <w:r w:rsidR="0014091F" w:rsidRPr="001E0A23">
        <w:rPr>
          <w:sz w:val="18"/>
        </w:rPr>
        <w:t>c := vp[vp=time_conv,pos=converb]\*vp[pos=2] : \p\w0\t0.!since p;</w:t>
      </w:r>
    </w:p>
    <w:p w:rsidR="0014091F" w:rsidRPr="001E0A23" w:rsidRDefault="0014091F" w:rsidP="0014091F">
      <w:pPr>
        <w:pStyle w:val="NoSpacing"/>
        <w:rPr>
          <w:sz w:val="18"/>
        </w:rPr>
      </w:pPr>
    </w:p>
    <w:p w:rsidR="0014091F" w:rsidRPr="001E0A23" w:rsidRDefault="00A70784" w:rsidP="0014091F">
      <w:pPr>
        <w:pStyle w:val="NoSpacing"/>
        <w:rPr>
          <w:sz w:val="18"/>
        </w:rPr>
      </w:pPr>
      <w:r>
        <w:rPr>
          <w:sz w:val="18"/>
        </w:rPr>
        <w:t>-meyeli</w:t>
      </w:r>
      <w:r>
        <w:rPr>
          <w:sz w:val="18"/>
        </w:rPr>
        <w:tab/>
      </w:r>
      <w:r>
        <w:rPr>
          <w:sz w:val="18"/>
        </w:rPr>
        <w:tab/>
      </w:r>
      <w:r w:rsidR="0014091F" w:rsidRPr="001E0A23">
        <w:rPr>
          <w:sz w:val="18"/>
        </w:rPr>
        <w:t xml:space="preserve">c := vp[vp=time_conv,pos=converb]\*vp[pos=0] : \p\w0\t0.!since (!not p); </w:t>
      </w:r>
    </w:p>
    <w:p w:rsidR="0014091F" w:rsidRPr="001E0A23" w:rsidRDefault="00A70784" w:rsidP="0014091F">
      <w:pPr>
        <w:pStyle w:val="NoSpacing"/>
        <w:rPr>
          <w:sz w:val="18"/>
        </w:rPr>
      </w:pPr>
      <w:r>
        <w:rPr>
          <w:sz w:val="18"/>
        </w:rPr>
        <w:t>-meyeli</w:t>
      </w:r>
      <w:r>
        <w:rPr>
          <w:sz w:val="18"/>
        </w:rPr>
        <w:tab/>
      </w:r>
      <w:r>
        <w:rPr>
          <w:sz w:val="18"/>
        </w:rPr>
        <w:tab/>
      </w:r>
      <w:r w:rsidR="0014091F" w:rsidRPr="001E0A23">
        <w:rPr>
          <w:sz w:val="18"/>
        </w:rPr>
        <w:t>c := vp[vp=time_conv,pos=converb]\*vp[pos=1] : \p\w0\t0.!since (!not p);</w:t>
      </w:r>
    </w:p>
    <w:p w:rsidR="0014091F" w:rsidRPr="001E0A23" w:rsidRDefault="00A70784" w:rsidP="0014091F">
      <w:pPr>
        <w:pStyle w:val="NoSpacing"/>
        <w:rPr>
          <w:sz w:val="18"/>
        </w:rPr>
      </w:pPr>
      <w:r>
        <w:rPr>
          <w:sz w:val="18"/>
        </w:rPr>
        <w:t>-meyeli</w:t>
      </w:r>
      <w:r>
        <w:rPr>
          <w:sz w:val="18"/>
        </w:rPr>
        <w:tab/>
      </w:r>
      <w:r>
        <w:rPr>
          <w:sz w:val="18"/>
        </w:rPr>
        <w:tab/>
      </w:r>
      <w:r w:rsidR="0014091F" w:rsidRPr="001E0A23">
        <w:rPr>
          <w:sz w:val="18"/>
        </w:rPr>
        <w:t>c := vp[vp=time_conv,pos=converb]\*vp[pos=2] : \p\w0\t0.!since (!not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eksizin</w:t>
      </w:r>
      <w:r w:rsidRPr="001E0A23">
        <w:rPr>
          <w:sz w:val="18"/>
        </w:rPr>
        <w:tab/>
      </w:r>
      <w:r w:rsidRPr="001E0A23">
        <w:rPr>
          <w:sz w:val="18"/>
        </w:rPr>
        <w:tab/>
        <w:t xml:space="preserve">c := vp[vp=manner_conv,pos=converb]\*vp[pos=0] : \p.!without p; </w:t>
      </w:r>
    </w:p>
    <w:p w:rsidR="0014091F" w:rsidRPr="001E0A23" w:rsidRDefault="0014091F" w:rsidP="0014091F">
      <w:pPr>
        <w:pStyle w:val="NoSpacing"/>
        <w:rPr>
          <w:sz w:val="18"/>
        </w:rPr>
      </w:pPr>
      <w:r w:rsidRPr="001E0A23">
        <w:rPr>
          <w:sz w:val="18"/>
        </w:rPr>
        <w:t>-meksizin</w:t>
      </w:r>
      <w:r w:rsidRPr="001E0A23">
        <w:rPr>
          <w:sz w:val="18"/>
        </w:rPr>
        <w:tab/>
      </w:r>
      <w:r w:rsidRPr="001E0A23">
        <w:rPr>
          <w:sz w:val="18"/>
        </w:rPr>
        <w:tab/>
        <w:t>c := vp[vp=manner_conv,pos=converb]\*vp[pos=1] : \p.!without p;</w:t>
      </w:r>
    </w:p>
    <w:p w:rsidR="0014091F" w:rsidRPr="001E0A23" w:rsidRDefault="0014091F" w:rsidP="0014091F">
      <w:pPr>
        <w:pStyle w:val="NoSpacing"/>
        <w:rPr>
          <w:sz w:val="18"/>
        </w:rPr>
      </w:pPr>
      <w:r w:rsidRPr="001E0A23">
        <w:rPr>
          <w:sz w:val="18"/>
        </w:rPr>
        <w:t>-meksizin</w:t>
      </w:r>
      <w:r w:rsidRPr="001E0A23">
        <w:rPr>
          <w:sz w:val="18"/>
        </w:rPr>
        <w:tab/>
      </w:r>
      <w:r w:rsidRPr="001E0A23">
        <w:rPr>
          <w:sz w:val="18"/>
        </w:rPr>
        <w:tab/>
        <w:t>c := vp[vp=manner_conv,pos=converb]\*vp[pos=2] : \p.!without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negation: non-finite negation</w:t>
      </w:r>
    </w:p>
    <w:p w:rsidR="0014091F" w:rsidRPr="001E0A23" w:rsidRDefault="0014091F" w:rsidP="0014091F">
      <w:pPr>
        <w:pStyle w:val="NoSpacing"/>
        <w:rPr>
          <w:sz w:val="18"/>
        </w:rPr>
      </w:pPr>
      <w:r w:rsidRPr="001E0A23">
        <w:rPr>
          <w:sz w:val="18"/>
        </w:rPr>
        <w:t>-me</w:t>
      </w:r>
      <w:r w:rsidRPr="001E0A23">
        <w:rPr>
          <w:sz w:val="18"/>
        </w:rPr>
        <w:tab/>
      </w:r>
      <w:r w:rsidRPr="001E0A23">
        <w:rPr>
          <w:sz w:val="18"/>
        </w:rPr>
        <w:tab/>
        <w:t>c := (n</w:t>
      </w:r>
      <w:r w:rsidR="00A70784">
        <w:rPr>
          <w:sz w:val="18"/>
        </w:rPr>
        <w:t xml:space="preserve">p\*vp[pos=0])/*(np\*vp[pos=0]) </w:t>
      </w:r>
      <w:r w:rsidRPr="001E0A23">
        <w:rPr>
          <w:sz w:val="18"/>
        </w:rPr>
        <w:t>: \n\p.n !not (p);</w:t>
      </w:r>
    </w:p>
    <w:p w:rsidR="0014091F" w:rsidRPr="001E0A23" w:rsidRDefault="0014091F" w:rsidP="0014091F">
      <w:pPr>
        <w:pStyle w:val="NoSpacing"/>
        <w:rPr>
          <w:sz w:val="18"/>
        </w:rPr>
      </w:pPr>
      <w:r w:rsidRPr="001E0A23">
        <w:rPr>
          <w:sz w:val="18"/>
        </w:rPr>
        <w:t>-me</w:t>
      </w:r>
      <w:r w:rsidRPr="001E0A23">
        <w:rPr>
          <w:sz w:val="18"/>
        </w:rPr>
        <w:tab/>
      </w:r>
      <w:r w:rsidRPr="001E0A23">
        <w:rPr>
          <w:sz w:val="18"/>
        </w:rPr>
        <w:tab/>
        <w:t>c := (n</w:t>
      </w:r>
      <w:r w:rsidR="00A70784">
        <w:rPr>
          <w:sz w:val="18"/>
        </w:rPr>
        <w:t xml:space="preserve">p\*vp[pos=1])/*(np\*vp[pos=1]) </w:t>
      </w:r>
      <w:r w:rsidRPr="001E0A23">
        <w:rPr>
          <w:sz w:val="18"/>
        </w:rPr>
        <w:t>: \n\p.n !not (p);</w:t>
      </w:r>
    </w:p>
    <w:p w:rsidR="0014091F" w:rsidRPr="001E0A23" w:rsidRDefault="0014091F" w:rsidP="0014091F">
      <w:pPr>
        <w:pStyle w:val="NoSpacing"/>
        <w:rPr>
          <w:sz w:val="18"/>
        </w:rPr>
      </w:pPr>
      <w:r w:rsidRPr="001E0A23">
        <w:rPr>
          <w:sz w:val="18"/>
        </w:rPr>
        <w:t>-me</w:t>
      </w:r>
      <w:r w:rsidRPr="001E0A23">
        <w:rPr>
          <w:sz w:val="18"/>
        </w:rPr>
        <w:tab/>
      </w:r>
      <w:r w:rsidRPr="001E0A23">
        <w:rPr>
          <w:sz w:val="18"/>
        </w:rPr>
        <w:tab/>
        <w:t>c := (n</w:t>
      </w:r>
      <w:r w:rsidR="00A70784">
        <w:rPr>
          <w:sz w:val="18"/>
        </w:rPr>
        <w:t xml:space="preserve">p\*vp[pos=2])/*(np\*vp[pos=2]) </w:t>
      </w:r>
      <w:r w:rsidRPr="001E0A23">
        <w:rPr>
          <w:sz w:val="18"/>
        </w:rPr>
        <w:t>: \n\p.n !not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e</w:t>
      </w:r>
      <w:r w:rsidRPr="001E0A23">
        <w:rPr>
          <w:sz w:val="18"/>
        </w:rPr>
        <w:tab/>
      </w:r>
      <w:r w:rsidRPr="001E0A23">
        <w:rPr>
          <w:sz w:val="18"/>
        </w:rPr>
        <w:tab/>
        <w:t>c := ((np/*np)\*vp[pos=0])/*((np/*np)\*vp[po</w:t>
      </w:r>
      <w:r w:rsidRPr="001E0A23">
        <w:rPr>
          <w:sz w:val="18"/>
        </w:rPr>
        <w:t xml:space="preserve">s=0]) </w:t>
      </w:r>
      <w:r w:rsidRPr="001E0A23">
        <w:rPr>
          <w:sz w:val="18"/>
        </w:rPr>
        <w:t>: \n\p.n !not (p);</w:t>
      </w:r>
    </w:p>
    <w:p w:rsidR="0014091F" w:rsidRPr="001E0A23" w:rsidRDefault="0014091F" w:rsidP="0014091F">
      <w:pPr>
        <w:pStyle w:val="NoSpacing"/>
        <w:rPr>
          <w:sz w:val="18"/>
        </w:rPr>
      </w:pPr>
      <w:r w:rsidRPr="001E0A23">
        <w:rPr>
          <w:sz w:val="18"/>
        </w:rPr>
        <w:t>-me</w:t>
      </w:r>
      <w:r w:rsidRPr="001E0A23">
        <w:rPr>
          <w:sz w:val="18"/>
        </w:rPr>
        <w:tab/>
      </w:r>
      <w:r w:rsidRPr="001E0A23">
        <w:rPr>
          <w:sz w:val="18"/>
        </w:rPr>
        <w:tab/>
        <w:t>c := ((np/*np)\*vp[</w:t>
      </w:r>
      <w:r w:rsidRPr="001E0A23">
        <w:rPr>
          <w:sz w:val="18"/>
        </w:rPr>
        <w:t xml:space="preserve">pos=1])/*((np/*np)\*vp[pos=1]) </w:t>
      </w:r>
      <w:r w:rsidRPr="001E0A23">
        <w:rPr>
          <w:sz w:val="18"/>
        </w:rPr>
        <w:t>: \n\p.n !not (p);</w:t>
      </w:r>
    </w:p>
    <w:p w:rsidR="0014091F" w:rsidRPr="001E0A23" w:rsidRDefault="0014091F" w:rsidP="0014091F">
      <w:pPr>
        <w:pStyle w:val="NoSpacing"/>
        <w:rPr>
          <w:sz w:val="18"/>
        </w:rPr>
      </w:pPr>
      <w:r w:rsidRPr="001E0A23">
        <w:rPr>
          <w:sz w:val="18"/>
        </w:rPr>
        <w:t>-me</w:t>
      </w:r>
      <w:r w:rsidRPr="001E0A23">
        <w:rPr>
          <w:sz w:val="18"/>
        </w:rPr>
        <w:tab/>
      </w:r>
      <w:r w:rsidRPr="001E0A23">
        <w:rPr>
          <w:sz w:val="18"/>
        </w:rPr>
        <w:tab/>
        <w:t>c := ((np/*np)\*vp[</w:t>
      </w:r>
      <w:r w:rsidRPr="001E0A23">
        <w:rPr>
          <w:sz w:val="18"/>
        </w:rPr>
        <w:t xml:space="preserve">pos=2])/*((np/*np)\*vp[pos=2]) </w:t>
      </w:r>
      <w:r w:rsidRPr="001E0A23">
        <w:rPr>
          <w:sz w:val="18"/>
        </w:rPr>
        <w:t>: \n\p.n !not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e</w:t>
      </w:r>
      <w:r w:rsidRPr="001E0A23">
        <w:rPr>
          <w:sz w:val="18"/>
        </w:rPr>
        <w:tab/>
      </w:r>
      <w:r w:rsidRPr="001E0A23">
        <w:rPr>
          <w:sz w:val="18"/>
        </w:rPr>
        <w:tab/>
        <w:t>c := (vp[vp=?x,pos=converb]\*vp[pos=0])/*(vp[vp=?x,pos=converb]\*vp[pos=0]) : \n\p.n !not (p);</w:t>
      </w:r>
    </w:p>
    <w:p w:rsidR="0014091F" w:rsidRPr="001E0A23" w:rsidRDefault="0014091F" w:rsidP="0014091F">
      <w:pPr>
        <w:pStyle w:val="NoSpacing"/>
        <w:rPr>
          <w:sz w:val="18"/>
        </w:rPr>
      </w:pPr>
      <w:r w:rsidRPr="001E0A23">
        <w:rPr>
          <w:sz w:val="18"/>
        </w:rPr>
        <w:t>-me</w:t>
      </w:r>
      <w:r w:rsidRPr="001E0A23">
        <w:rPr>
          <w:sz w:val="18"/>
        </w:rPr>
        <w:tab/>
      </w:r>
      <w:r w:rsidRPr="001E0A23">
        <w:rPr>
          <w:sz w:val="18"/>
        </w:rPr>
        <w:tab/>
        <w:t>c := (vp[vp=?x,pos=converb]\*vp[pos=1])/*(vp[vp=?x,pos=converb]\*vp[pos=1]) : \n\p.n !not (p);</w:t>
      </w:r>
    </w:p>
    <w:p w:rsidR="0014091F" w:rsidRPr="001E0A23" w:rsidRDefault="0014091F" w:rsidP="0014091F">
      <w:pPr>
        <w:pStyle w:val="NoSpacing"/>
        <w:rPr>
          <w:sz w:val="18"/>
        </w:rPr>
      </w:pPr>
      <w:r w:rsidRPr="001E0A23">
        <w:rPr>
          <w:sz w:val="18"/>
        </w:rPr>
        <w:t>-me</w:t>
      </w:r>
      <w:r w:rsidRPr="001E0A23">
        <w:rPr>
          <w:sz w:val="18"/>
        </w:rPr>
        <w:tab/>
      </w:r>
      <w:r w:rsidRPr="001E0A23">
        <w:rPr>
          <w:sz w:val="18"/>
        </w:rPr>
        <w:tab/>
        <w:t>c := (vp[vp=?x,pos=converb]\*vp[pos=2])/*(vp[vp=?x,pos=converb]\*vp[pos=2]) : \n\p.n !not (p);</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voices: causative, passive, reflexive, reciprocal</w:t>
      </w:r>
    </w:p>
    <w:p w:rsidR="0014091F" w:rsidRPr="001E0A23" w:rsidRDefault="0014091F" w:rsidP="0014091F">
      <w:pPr>
        <w:pStyle w:val="NoSpacing"/>
        <w:rPr>
          <w:sz w:val="18"/>
        </w:rPr>
      </w:pPr>
      <w:r w:rsidRPr="001E0A23">
        <w:rPr>
          <w:sz w:val="18"/>
        </w:rPr>
        <w:t xml:space="preserve">-dir </w:t>
      </w:r>
      <w:r w:rsidRPr="001E0A23">
        <w:rPr>
          <w:sz w:val="18"/>
        </w:rPr>
        <w:tab/>
        <w:t>c := ((vp[vp=?x,pos=0,caus=true]\np)\np)\\(vp[vp=?x,pos=0,caus=false]\np) : \p\a\x\w0\t0.!init (p a w0 t0) x w0 t0;</w:t>
      </w:r>
    </w:p>
    <w:p w:rsidR="0014091F" w:rsidRPr="001E0A23" w:rsidRDefault="0014091F" w:rsidP="0014091F">
      <w:pPr>
        <w:pStyle w:val="NoSpacing"/>
        <w:rPr>
          <w:sz w:val="18"/>
        </w:rPr>
      </w:pPr>
      <w:r w:rsidRPr="001E0A23">
        <w:rPr>
          <w:sz w:val="18"/>
        </w:rPr>
        <w:t xml:space="preserve">-t </w:t>
      </w:r>
      <w:r w:rsidRPr="001E0A23">
        <w:rPr>
          <w:sz w:val="18"/>
        </w:rPr>
        <w:tab/>
      </w:r>
      <w:r w:rsidRPr="001E0A23">
        <w:rPr>
          <w:sz w:val="18"/>
        </w:rPr>
        <w:t>c := (((vp[vp=?x,pos=0,caus=false]\np)\np)\np)\\((vp[vp=?x,pos=0,caus=true]\np)\np) : \p\a\b\x\w0\t0.!init (p a b w0 t0) x w0 t0;</w:t>
      </w:r>
    </w:p>
    <w:p w:rsidR="0014091F" w:rsidRPr="001E0A23" w:rsidRDefault="0014091F" w:rsidP="0014091F">
      <w:pPr>
        <w:pStyle w:val="NoSpacing"/>
        <w:rPr>
          <w:sz w:val="18"/>
        </w:rPr>
      </w:pPr>
      <w:r w:rsidRPr="001E0A23">
        <w:rPr>
          <w:sz w:val="18"/>
        </w:rPr>
        <w:t xml:space="preserve">-il </w:t>
      </w:r>
      <w:r w:rsidRPr="001E0A23">
        <w:rPr>
          <w:sz w:val="18"/>
        </w:rPr>
        <w:tab/>
        <w:t>c := vp[vp=?x,pos=1]\\(vp[vp=?x,pos=0]\np) : \p\w0\t0.p !anonymous w0 t0;</w:t>
      </w:r>
    </w:p>
    <w:p w:rsidR="0014091F" w:rsidRPr="001E0A23" w:rsidRDefault="0014091F" w:rsidP="0014091F">
      <w:pPr>
        <w:pStyle w:val="NoSpacing"/>
        <w:rPr>
          <w:sz w:val="18"/>
        </w:rPr>
      </w:pPr>
      <w:r w:rsidRPr="001E0A23">
        <w:rPr>
          <w:sz w:val="18"/>
        </w:rPr>
        <w:t xml:space="preserve">-in </w:t>
      </w:r>
      <w:r w:rsidRPr="001E0A23">
        <w:rPr>
          <w:sz w:val="18"/>
        </w:rPr>
        <w:tab/>
        <w:t>c := (vp[vp=?x,pos=1]\np)\\(vp[vp=?x,pos=0]\np) : \p\x\w0\t0.p x x w0 t0;</w:t>
      </w:r>
    </w:p>
    <w:p w:rsidR="0014091F" w:rsidRPr="001E0A23" w:rsidRDefault="0014091F" w:rsidP="0014091F">
      <w:pPr>
        <w:pStyle w:val="NoSpacing"/>
        <w:rPr>
          <w:sz w:val="18"/>
        </w:rPr>
      </w:pPr>
      <w:r w:rsidRPr="001E0A23">
        <w:rPr>
          <w:sz w:val="18"/>
        </w:rPr>
        <w:t xml:space="preserve">-iş </w:t>
      </w:r>
      <w:r w:rsidRPr="001E0A23">
        <w:rPr>
          <w:sz w:val="18"/>
        </w:rPr>
        <w:tab/>
        <w:t>c := ((vp[vp=?x,pos=1]\np)\np)\\(vp[vp=?x,pos=0]\np) : \p\x2\x1\w0\t0.!and (p x2 x1 w0 t0) (p x1 x2 w0 t0);</w:t>
      </w:r>
    </w:p>
    <w:p w:rsidR="0014091F" w:rsidRPr="001E0A23" w:rsidRDefault="0014091F" w:rsidP="0014091F">
      <w:pPr>
        <w:pStyle w:val="NoSpacing"/>
        <w:rPr>
          <w:sz w:val="18"/>
        </w:rPr>
      </w:pPr>
    </w:p>
    <w:p w:rsidR="00A70784" w:rsidRDefault="0014091F" w:rsidP="0014091F">
      <w:pPr>
        <w:pStyle w:val="NoSpacing"/>
        <w:rPr>
          <w:sz w:val="18"/>
        </w:rPr>
      </w:pPr>
      <w:r w:rsidRPr="001E0A23">
        <w:rPr>
          <w:sz w:val="18"/>
        </w:rPr>
        <w:t xml:space="preserve">-dir </w:t>
      </w:r>
      <w:r w:rsidRPr="001E0A23">
        <w:rPr>
          <w:sz w:val="18"/>
        </w:rPr>
        <w:tab/>
        <w:t xml:space="preserve">c := (((vp[vp=?x,pos=0,caus=true]\np)\np)\np)\\((vp[vp=?x,pos=0,caus=false]\np)\np) </w:t>
      </w:r>
      <w:r w:rsidRPr="001E0A23">
        <w:rPr>
          <w:sz w:val="18"/>
        </w:rPr>
        <w:tab/>
      </w:r>
    </w:p>
    <w:p w:rsidR="0014091F" w:rsidRPr="001E0A23" w:rsidRDefault="00A70784" w:rsidP="0014091F">
      <w:pPr>
        <w:pStyle w:val="NoSpacing"/>
        <w:rPr>
          <w:sz w:val="18"/>
        </w:rPr>
      </w:pPr>
      <w:r>
        <w:rPr>
          <w:sz w:val="18"/>
        </w:rPr>
        <w:tab/>
      </w:r>
      <w:r>
        <w:rPr>
          <w:sz w:val="18"/>
        </w:rPr>
        <w:tab/>
      </w:r>
      <w:r w:rsidR="0014091F" w:rsidRPr="001E0A23">
        <w:rPr>
          <w:sz w:val="18"/>
        </w:rPr>
        <w:t>: \p\b\a\x\w0\t0.!init (p b a w0 t0) x w0 t0;</w:t>
      </w:r>
    </w:p>
    <w:p w:rsidR="0014091F" w:rsidRPr="001E0A23" w:rsidRDefault="004755FB" w:rsidP="0014091F">
      <w:pPr>
        <w:pStyle w:val="NoSpacing"/>
        <w:rPr>
          <w:sz w:val="18"/>
        </w:rPr>
      </w:pPr>
      <w:r w:rsidRPr="001E0A23">
        <w:rPr>
          <w:sz w:val="18"/>
        </w:rPr>
        <w:t xml:space="preserve">-t </w:t>
      </w:r>
      <w:r w:rsidRPr="001E0A23">
        <w:rPr>
          <w:sz w:val="18"/>
        </w:rPr>
        <w:tab/>
      </w:r>
      <w:r w:rsidR="0014091F" w:rsidRPr="001E0A23">
        <w:rPr>
          <w:sz w:val="18"/>
        </w:rPr>
        <w:t xml:space="preserve">c := ((((vp[vp=?x,pos=0,caus=false]\np)\np)\np)\np)\\(((vp[vp=?x,pos=0,caus=true]\np)\np)\np) </w:t>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p\c\b\a\x\w0\t0.!init (p c b a w0 t0) x w0 t0;</w:t>
      </w:r>
    </w:p>
    <w:p w:rsidR="004755FB" w:rsidRPr="001E0A23" w:rsidRDefault="0014091F" w:rsidP="0014091F">
      <w:pPr>
        <w:pStyle w:val="NoSpacing"/>
        <w:rPr>
          <w:sz w:val="18"/>
        </w:rPr>
      </w:pPr>
      <w:r w:rsidRPr="001E0A23">
        <w:rPr>
          <w:sz w:val="18"/>
        </w:rPr>
        <w:t xml:space="preserve">-il </w:t>
      </w:r>
      <w:r w:rsidRPr="001E0A23">
        <w:rPr>
          <w:sz w:val="18"/>
        </w:rPr>
        <w:tab/>
        <w:t xml:space="preserve">c := (vp[vp=?x,pos=1]\np)\\((vp[vp=?x,pos=0]\np)\np) </w:t>
      </w:r>
      <w:r w:rsidRPr="001E0A23">
        <w:rPr>
          <w:sz w:val="18"/>
        </w:rPr>
        <w:tab/>
      </w:r>
      <w:r w:rsidRPr="001E0A23">
        <w:rPr>
          <w:sz w:val="18"/>
        </w:rPr>
        <w:tab/>
      </w:r>
      <w:r w:rsidRPr="001E0A23">
        <w:rPr>
          <w:sz w:val="18"/>
        </w:rPr>
        <w:tab/>
      </w:r>
      <w:r w:rsidRPr="001E0A23">
        <w:rPr>
          <w:sz w:val="18"/>
        </w:rPr>
        <w:tab/>
      </w:r>
      <w:r w:rsidRPr="001E0A23">
        <w:rPr>
          <w:sz w:val="18"/>
        </w:rPr>
        <w:tab/>
      </w:r>
    </w:p>
    <w:p w:rsidR="0014091F" w:rsidRPr="001E0A23" w:rsidRDefault="004755FB" w:rsidP="0014091F">
      <w:pPr>
        <w:pStyle w:val="NoSpacing"/>
        <w:rPr>
          <w:sz w:val="18"/>
        </w:rPr>
      </w:pPr>
      <w:r w:rsidRPr="001E0A23">
        <w:rPr>
          <w:sz w:val="18"/>
        </w:rPr>
        <w:tab/>
      </w:r>
      <w:r w:rsidRPr="001E0A23">
        <w:rPr>
          <w:sz w:val="18"/>
        </w:rPr>
        <w:tab/>
      </w:r>
      <w:r w:rsidR="0014091F" w:rsidRPr="001E0A23">
        <w:rPr>
          <w:sz w:val="18"/>
        </w:rPr>
        <w:t>: \p\x\w0\t0.p x !anonymous w0 t0;</w:t>
      </w:r>
    </w:p>
    <w:p w:rsidR="004755FB" w:rsidRPr="001E0A23" w:rsidRDefault="0014091F" w:rsidP="0014091F">
      <w:pPr>
        <w:pStyle w:val="NoSpacing"/>
        <w:rPr>
          <w:sz w:val="18"/>
        </w:rPr>
      </w:pPr>
      <w:r w:rsidRPr="001E0A23">
        <w:rPr>
          <w:sz w:val="18"/>
        </w:rPr>
        <w:t xml:space="preserve">-in </w:t>
      </w:r>
      <w:r w:rsidRPr="001E0A23">
        <w:rPr>
          <w:sz w:val="18"/>
        </w:rPr>
        <w:tab/>
        <w:t xml:space="preserve">c := ((vp[vp=?x,pos=1]\np)\np)\\((vp[vp=?x,pos=0]\np)\np) </w:t>
      </w:r>
      <w:r w:rsidRPr="001E0A23">
        <w:rPr>
          <w:sz w:val="18"/>
        </w:rPr>
        <w:tab/>
      </w:r>
      <w:r w:rsidRPr="001E0A23">
        <w:rPr>
          <w:sz w:val="18"/>
        </w:rPr>
        <w:tab/>
      </w:r>
      <w:r w:rsidRPr="001E0A23">
        <w:rPr>
          <w:sz w:val="18"/>
        </w:rPr>
        <w:tab/>
      </w:r>
      <w:r w:rsidRPr="001E0A23">
        <w:rPr>
          <w:sz w:val="18"/>
        </w:rPr>
        <w:tab/>
      </w:r>
    </w:p>
    <w:p w:rsidR="0014091F" w:rsidRPr="001E0A23" w:rsidRDefault="004755FB" w:rsidP="0014091F">
      <w:pPr>
        <w:pStyle w:val="NoSpacing"/>
        <w:rPr>
          <w:sz w:val="18"/>
        </w:rPr>
      </w:pPr>
      <w:r w:rsidRPr="001E0A23">
        <w:rPr>
          <w:sz w:val="18"/>
        </w:rPr>
        <w:tab/>
      </w:r>
      <w:r w:rsidRPr="001E0A23">
        <w:rPr>
          <w:sz w:val="18"/>
        </w:rPr>
        <w:tab/>
      </w:r>
      <w:r w:rsidR="0014091F" w:rsidRPr="001E0A23">
        <w:rPr>
          <w:sz w:val="18"/>
        </w:rPr>
        <w:t>: \p\y\x\w0\t0.p y x x w0 t0;</w:t>
      </w:r>
    </w:p>
    <w:p w:rsidR="004755FB" w:rsidRPr="001E0A23" w:rsidRDefault="0014091F" w:rsidP="0014091F">
      <w:pPr>
        <w:pStyle w:val="NoSpacing"/>
        <w:rPr>
          <w:sz w:val="18"/>
        </w:rPr>
      </w:pPr>
      <w:r w:rsidRPr="001E0A23">
        <w:rPr>
          <w:sz w:val="18"/>
        </w:rPr>
        <w:t xml:space="preserve">-iş </w:t>
      </w:r>
      <w:r w:rsidRPr="001E0A23">
        <w:rPr>
          <w:sz w:val="18"/>
        </w:rPr>
        <w:tab/>
        <w:t xml:space="preserve">c := (((vp[vp=?x,pos=1]\np)\np)\np)\\((vp[vp=?x,pos=0]\np)\np) </w:t>
      </w:r>
      <w:r w:rsidRPr="001E0A23">
        <w:rPr>
          <w:sz w:val="18"/>
        </w:rPr>
        <w:tab/>
      </w:r>
      <w:r w:rsidRPr="001E0A23">
        <w:rPr>
          <w:sz w:val="18"/>
        </w:rPr>
        <w:tab/>
      </w:r>
      <w:r w:rsidRPr="001E0A23">
        <w:rPr>
          <w:sz w:val="18"/>
        </w:rPr>
        <w:tab/>
      </w:r>
    </w:p>
    <w:p w:rsidR="0014091F" w:rsidRPr="001E0A23" w:rsidRDefault="004755FB" w:rsidP="0014091F">
      <w:pPr>
        <w:pStyle w:val="NoSpacing"/>
        <w:rPr>
          <w:sz w:val="18"/>
        </w:rPr>
      </w:pPr>
      <w:r w:rsidRPr="001E0A23">
        <w:rPr>
          <w:sz w:val="18"/>
        </w:rPr>
        <w:tab/>
      </w:r>
      <w:r w:rsidRPr="001E0A23">
        <w:rPr>
          <w:sz w:val="18"/>
        </w:rPr>
        <w:tab/>
      </w:r>
      <w:r w:rsidR="0014091F" w:rsidRPr="001E0A23">
        <w:rPr>
          <w:sz w:val="18"/>
        </w:rPr>
        <w:t>: \p\y\x2\x1\w0\t0.!and (p y x2 x1 w0 t0) (p y x1 x2 w0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position 1</w:t>
      </w:r>
    </w:p>
    <w:p w:rsidR="0014091F" w:rsidRPr="001E0A23" w:rsidRDefault="0014091F" w:rsidP="0014091F">
      <w:pPr>
        <w:pStyle w:val="NoSpacing"/>
        <w:rPr>
          <w:sz w:val="18"/>
        </w:rPr>
      </w:pPr>
      <w:r w:rsidRPr="001E0A23">
        <w:rPr>
          <w:sz w:val="18"/>
        </w:rPr>
        <w:t>-eme</w:t>
      </w:r>
      <w:r w:rsidRPr="001E0A23">
        <w:rPr>
          <w:sz w:val="18"/>
        </w:rPr>
        <w:tab/>
        <w:t>c := vp[vp=?x,pos=2]\\vp[vp=?x,pos=0] : \p\w0\t0.!not (!exists w_pos (!and (!ability w0 w_pos) (p w_pos t0)));</w:t>
      </w:r>
    </w:p>
    <w:p w:rsidR="0014091F" w:rsidRPr="001E0A23" w:rsidRDefault="0014091F" w:rsidP="0014091F">
      <w:pPr>
        <w:pStyle w:val="NoSpacing"/>
        <w:rPr>
          <w:sz w:val="18"/>
        </w:rPr>
      </w:pPr>
      <w:r w:rsidRPr="001E0A23">
        <w:rPr>
          <w:sz w:val="18"/>
        </w:rPr>
        <w:t>-eme</w:t>
      </w:r>
      <w:r w:rsidRPr="001E0A23">
        <w:rPr>
          <w:sz w:val="18"/>
        </w:rPr>
        <w:tab/>
        <w:t>c := vp[vp=?x,pos=2]\\vp[vp=?x,pos=1]: \p\w0\t0.!not (!exists w_pos (!and (!ability w0 w_pos) (p w_pos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eme</w:t>
      </w:r>
      <w:r w:rsidRPr="001E0A23">
        <w:rPr>
          <w:sz w:val="18"/>
        </w:rPr>
        <w:tab/>
        <w:t>c := (vp[vp=?x,pos=2]\np)\\(vp[vp=?x,pos=0]\np) : \p\x\w0\t0.!not (!exists w_pos (!and (!ability w0 w_pos) (p x w_pos t0)));</w:t>
      </w:r>
    </w:p>
    <w:p w:rsidR="0014091F" w:rsidRPr="001E0A23" w:rsidRDefault="0014091F" w:rsidP="0014091F">
      <w:pPr>
        <w:pStyle w:val="NoSpacing"/>
        <w:rPr>
          <w:sz w:val="18"/>
        </w:rPr>
      </w:pPr>
      <w:r w:rsidRPr="001E0A23">
        <w:rPr>
          <w:sz w:val="18"/>
        </w:rPr>
        <w:t>-eme</w:t>
      </w:r>
      <w:r w:rsidRPr="001E0A23">
        <w:rPr>
          <w:sz w:val="18"/>
        </w:rPr>
        <w:tab/>
        <w:t>c := (vp[vp=?x,pos=2]\np)</w:t>
      </w:r>
      <w:r w:rsidR="00A84768" w:rsidRPr="001F2D27">
        <w:rPr>
          <w:sz w:val="18"/>
        </w:rPr>
        <w:t>\\(vp[vp=?x,pos=1]\np)</w:t>
      </w:r>
      <w:r w:rsidRPr="001E0A23">
        <w:rPr>
          <w:sz w:val="18"/>
        </w:rPr>
        <w:t xml:space="preserve"> : \p\x\w0\t0.!not (!exists w_pos (!and (!ability w0 w_pos) (p x w_pos t0)));</w:t>
      </w:r>
    </w:p>
    <w:p w:rsidR="0014091F" w:rsidRPr="001E0A23" w:rsidRDefault="0014091F" w:rsidP="0014091F">
      <w:pPr>
        <w:pStyle w:val="NoSpacing"/>
        <w:rPr>
          <w:sz w:val="18"/>
        </w:rPr>
      </w:pPr>
    </w:p>
    <w:p w:rsidR="001F2D27" w:rsidRDefault="0014091F" w:rsidP="002A0043">
      <w:pPr>
        <w:pStyle w:val="NoSpacing"/>
        <w:rPr>
          <w:sz w:val="18"/>
        </w:rPr>
      </w:pPr>
      <w:r w:rsidRPr="001E0A23">
        <w:rPr>
          <w:sz w:val="18"/>
        </w:rPr>
        <w:t>-eme</w:t>
      </w:r>
      <w:r w:rsidRPr="001E0A23">
        <w:rPr>
          <w:sz w:val="18"/>
        </w:rPr>
        <w:tab/>
        <w:t>c := ((vp[vp=?x,pos=2]\np)\np)</w:t>
      </w:r>
      <w:r w:rsidR="002A0043" w:rsidRPr="001F2D27">
        <w:rPr>
          <w:sz w:val="18"/>
        </w:rPr>
        <w:t>\\((vp[vp=?x,pos=0]\np)\np)</w:t>
      </w:r>
      <w:r w:rsidRPr="001E0A23">
        <w:rPr>
          <w:sz w:val="18"/>
        </w:rPr>
        <w:t xml:space="preserve"> </w:t>
      </w:r>
    </w:p>
    <w:p w:rsidR="0014091F" w:rsidRPr="001E0A23" w:rsidRDefault="001F2D27" w:rsidP="002A0043">
      <w:pPr>
        <w:pStyle w:val="NoSpacing"/>
        <w:rPr>
          <w:sz w:val="18"/>
        </w:rPr>
      </w:pPr>
      <w:r>
        <w:rPr>
          <w:sz w:val="18"/>
        </w:rPr>
        <w:tab/>
      </w:r>
      <w:r>
        <w:rPr>
          <w:sz w:val="18"/>
        </w:rPr>
        <w:tab/>
      </w:r>
      <w:r w:rsidR="0014091F" w:rsidRPr="001E0A23">
        <w:rPr>
          <w:sz w:val="18"/>
        </w:rPr>
        <w:t>: \p\y\x\w0\t0.!not (!exists w_pos (!and (!ability w0 w_pos) (p y x w_pos t0)));</w:t>
      </w:r>
    </w:p>
    <w:p w:rsidR="0014091F" w:rsidRPr="001E0A23" w:rsidRDefault="0014091F" w:rsidP="0014091F">
      <w:pPr>
        <w:pStyle w:val="NoSpacing"/>
        <w:rPr>
          <w:sz w:val="18"/>
        </w:rPr>
      </w:pPr>
      <w:r w:rsidRPr="001E0A23">
        <w:rPr>
          <w:sz w:val="18"/>
        </w:rPr>
        <w:t>-eme</w:t>
      </w:r>
      <w:r w:rsidRPr="001E0A23">
        <w:rPr>
          <w:sz w:val="18"/>
        </w:rPr>
        <w:tab/>
        <w:t xml:space="preserve">c := ((vp[vp=?x,pos=2]\np)\np)\\((vp[vp=?x,pos=1]\np)\np) </w:t>
      </w:r>
    </w:p>
    <w:p w:rsidR="0014091F" w:rsidRPr="001E0A23" w:rsidRDefault="0014091F" w:rsidP="0014091F">
      <w:pPr>
        <w:pStyle w:val="NoSpacing"/>
        <w:rPr>
          <w:sz w:val="18"/>
        </w:rPr>
      </w:pPr>
      <w:r w:rsidRPr="001E0A23">
        <w:rPr>
          <w:sz w:val="18"/>
        </w:rPr>
        <w:tab/>
      </w:r>
      <w:r w:rsidRPr="001E0A23">
        <w:rPr>
          <w:sz w:val="18"/>
        </w:rPr>
        <w:tab/>
        <w:t>: \p\y\x\w0\t0.!not (!exists w_pos (!and (!ability w0 w_pos) (p y x w_pos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eme</w:t>
      </w:r>
      <w:r w:rsidRPr="001E0A23">
        <w:rPr>
          <w:sz w:val="18"/>
        </w:rPr>
        <w:tab/>
        <w:t xml:space="preserve">c := (((vp[vp=?x,pos=2]\np)\np)\np)\\(((vp[vp=?x,pos=0]\np)\np)\np) </w:t>
      </w:r>
    </w:p>
    <w:p w:rsidR="0014091F" w:rsidRPr="001E0A23" w:rsidRDefault="0014091F" w:rsidP="0014091F">
      <w:pPr>
        <w:pStyle w:val="NoSpacing"/>
        <w:rPr>
          <w:sz w:val="18"/>
        </w:rPr>
      </w:pPr>
      <w:r w:rsidRPr="001E0A23">
        <w:rPr>
          <w:sz w:val="18"/>
        </w:rPr>
        <w:tab/>
      </w:r>
      <w:r w:rsidRPr="001E0A23">
        <w:rPr>
          <w:sz w:val="18"/>
        </w:rPr>
        <w:tab/>
        <w:t>: \p\z\y\x\w0\t0.!not (!exists w_pos (!and (!ability w0 w_pos) (p z y x w_pos t0)));</w:t>
      </w:r>
    </w:p>
    <w:p w:rsidR="0014091F" w:rsidRPr="001E0A23" w:rsidRDefault="0014091F" w:rsidP="0014091F">
      <w:pPr>
        <w:pStyle w:val="NoSpacing"/>
        <w:rPr>
          <w:sz w:val="18"/>
        </w:rPr>
      </w:pPr>
      <w:r w:rsidRPr="001E0A23">
        <w:rPr>
          <w:sz w:val="18"/>
        </w:rPr>
        <w:t>-eme</w:t>
      </w:r>
      <w:r w:rsidRPr="001E0A23">
        <w:rPr>
          <w:sz w:val="18"/>
        </w:rPr>
        <w:tab/>
        <w:t xml:space="preserve">c := (((vp[vp=?x,pos=2]\np)\np)\np)\\(((vp[vp=?x,pos=1]\np)\np)\np) </w:t>
      </w:r>
    </w:p>
    <w:p w:rsidR="0014091F" w:rsidRPr="001E0A23" w:rsidRDefault="0014091F" w:rsidP="0014091F">
      <w:pPr>
        <w:pStyle w:val="NoSpacing"/>
        <w:rPr>
          <w:sz w:val="18"/>
        </w:rPr>
      </w:pPr>
      <w:r w:rsidRPr="001E0A23">
        <w:rPr>
          <w:sz w:val="18"/>
        </w:rPr>
        <w:tab/>
      </w:r>
      <w:r w:rsidRPr="001E0A23">
        <w:rPr>
          <w:sz w:val="18"/>
        </w:rPr>
        <w:tab/>
        <w:t>: \p\z\y\x\w0\t0.!not (!exists w_pos (!and (!ability w0 w_pos) (p z y x w_pos t0)));</w:t>
      </w:r>
    </w:p>
    <w:p w:rsidR="0014091F" w:rsidRDefault="0014091F" w:rsidP="0014091F">
      <w:pPr>
        <w:pStyle w:val="NoSpacing"/>
        <w:rPr>
          <w:sz w:val="18"/>
        </w:rPr>
      </w:pPr>
    </w:p>
    <w:p w:rsidR="0059189D" w:rsidRDefault="0059189D" w:rsidP="0014091F">
      <w:pPr>
        <w:pStyle w:val="NoSpacing"/>
        <w:rPr>
          <w:sz w:val="18"/>
        </w:rPr>
      </w:pPr>
    </w:p>
    <w:p w:rsidR="0059189D" w:rsidRDefault="0059189D" w:rsidP="0014091F">
      <w:pPr>
        <w:pStyle w:val="NoSpacing"/>
        <w:rPr>
          <w:sz w:val="18"/>
        </w:rPr>
      </w:pPr>
    </w:p>
    <w:p w:rsidR="0059189D" w:rsidRPr="001E0A23" w:rsidRDefault="0059189D" w:rsidP="0014091F">
      <w:pPr>
        <w:pStyle w:val="NoSpacing"/>
        <w:rPr>
          <w:sz w:val="18"/>
        </w:rPr>
      </w:pPr>
    </w:p>
    <w:p w:rsidR="0014091F" w:rsidRPr="001E0A23" w:rsidRDefault="0014091F" w:rsidP="0014091F">
      <w:pPr>
        <w:pStyle w:val="NoSpacing"/>
        <w:rPr>
          <w:sz w:val="18"/>
        </w:rPr>
      </w:pPr>
      <w:r w:rsidRPr="001E0A23">
        <w:rPr>
          <w:sz w:val="18"/>
        </w:rPr>
        <w:lastRenderedPageBreak/>
        <w:t>%%negation</w:t>
      </w:r>
    </w:p>
    <w:p w:rsidR="0014091F" w:rsidRPr="001E0A23" w:rsidRDefault="0014091F" w:rsidP="0014091F">
      <w:pPr>
        <w:pStyle w:val="NoSpacing"/>
        <w:rPr>
          <w:sz w:val="18"/>
        </w:rPr>
      </w:pPr>
      <w:r w:rsidRPr="001E0A23">
        <w:rPr>
          <w:sz w:val="18"/>
        </w:rPr>
        <w:t>%%falls between voice suffixes and tense/aspect/modality suffixes</w:t>
      </w:r>
    </w:p>
    <w:p w:rsidR="0014091F" w:rsidRPr="001E0A23" w:rsidRDefault="0014091F" w:rsidP="0014091F">
      <w:pPr>
        <w:pStyle w:val="NoSpacing"/>
        <w:rPr>
          <w:sz w:val="18"/>
        </w:rPr>
      </w:pPr>
      <w:r w:rsidRPr="001E0A23">
        <w:rPr>
          <w:sz w:val="18"/>
        </w:rPr>
        <w:t>%%negation: passive intransitive pos=0</w:t>
      </w:r>
    </w:p>
    <w:p w:rsidR="0014091F" w:rsidRPr="001E0A23" w:rsidRDefault="007B2FB5" w:rsidP="0014091F">
      <w:pPr>
        <w:pStyle w:val="NoSpacing"/>
        <w:rPr>
          <w:sz w:val="18"/>
        </w:rPr>
      </w:pPr>
      <w:r>
        <w:rPr>
          <w:sz w:val="18"/>
        </w:rPr>
        <w:t>-me</w:t>
      </w:r>
      <w:r>
        <w:rPr>
          <w:sz w:val="18"/>
        </w:rPr>
        <w:tab/>
      </w:r>
      <w:r w:rsidR="0014091F" w:rsidRPr="001E0A23">
        <w:rPr>
          <w:sz w:val="18"/>
        </w:rPr>
        <w:t xml:space="preserve">c := (vp[vp=?x,mod=true,neg=true,pos=3]\\vp[vp=?x,pos=0])/*(vp[vp=?x,mod=true,neg=false,pos=3]\\vp[vp=?x,pos=0]) </w:t>
      </w:r>
      <w:r w:rsidR="0014091F" w:rsidRPr="001E0A23">
        <w:rPr>
          <w:sz w:val="18"/>
        </w:rPr>
        <w:tab/>
      </w:r>
      <w:r>
        <w:rPr>
          <w:sz w:val="18"/>
        </w:rPr>
        <w:tab/>
      </w:r>
      <w:r>
        <w:rPr>
          <w:sz w:val="18"/>
        </w:rPr>
        <w:tab/>
      </w:r>
      <w:r w:rsidR="0014091F" w:rsidRPr="001E0A23">
        <w:rPr>
          <w:sz w:val="18"/>
        </w:rPr>
        <w:t>: \n\p.n !not p;</w:t>
      </w:r>
    </w:p>
    <w:p w:rsidR="002A0043" w:rsidRPr="001E0A23" w:rsidRDefault="007B2FB5" w:rsidP="0014091F">
      <w:pPr>
        <w:pStyle w:val="NoSpacing"/>
        <w:rPr>
          <w:sz w:val="18"/>
        </w:rPr>
      </w:pPr>
      <w:r>
        <w:rPr>
          <w:sz w:val="18"/>
        </w:rPr>
        <w:t>-me</w:t>
      </w:r>
      <w:r>
        <w:rPr>
          <w:sz w:val="18"/>
        </w:rPr>
        <w:tab/>
      </w:r>
      <w:r w:rsidR="0014091F" w:rsidRPr="001E0A23">
        <w:rPr>
          <w:sz w:val="18"/>
        </w:rPr>
        <w:t>c := (vp[vp=?x,mod=false,neg=true,pos=4]\\vp[vp=?x,pos=0])/*(vp[vp=?x,mod=false,neg=f</w:t>
      </w:r>
      <w:r w:rsidR="002A0043" w:rsidRPr="001E0A23">
        <w:rPr>
          <w:sz w:val="18"/>
        </w:rPr>
        <w:t xml:space="preserve">alse,pos=4]\\vp[vp=?x,pos=0]) </w:t>
      </w:r>
      <w:r w:rsidR="002A0043" w:rsidRPr="001E0A23">
        <w:rPr>
          <w:sz w:val="18"/>
        </w:rPr>
        <w:tab/>
      </w:r>
    </w:p>
    <w:p w:rsidR="0014091F" w:rsidRPr="001E0A23" w:rsidRDefault="007B2FB5" w:rsidP="0014091F">
      <w:pPr>
        <w:pStyle w:val="NoSpacing"/>
        <w:rPr>
          <w:sz w:val="18"/>
        </w:rPr>
      </w:pPr>
      <w:r>
        <w:rPr>
          <w:sz w:val="18"/>
        </w:rPr>
        <w:tab/>
      </w:r>
      <w:r>
        <w:rPr>
          <w:sz w:val="18"/>
        </w:rPr>
        <w:tab/>
      </w:r>
      <w:r w:rsidR="0014091F" w:rsidRPr="001E0A23">
        <w:rPr>
          <w:sz w:val="18"/>
        </w:rPr>
        <w:t>: \n\p.!not (n p);</w:t>
      </w:r>
    </w:p>
    <w:p w:rsidR="0014091F" w:rsidRPr="001E0A23" w:rsidRDefault="007B2FB5" w:rsidP="0014091F">
      <w:pPr>
        <w:pStyle w:val="NoSpacing"/>
        <w:rPr>
          <w:sz w:val="18"/>
        </w:rPr>
      </w:pPr>
      <w:r>
        <w:rPr>
          <w:sz w:val="18"/>
        </w:rPr>
        <w:t>-me</w:t>
      </w:r>
      <w:r>
        <w:rPr>
          <w:sz w:val="18"/>
        </w:rPr>
        <w:tab/>
      </w:r>
      <w:r w:rsidR="0014091F" w:rsidRPr="001E0A23">
        <w:rPr>
          <w:sz w:val="18"/>
        </w:rPr>
        <w:t xml:space="preserve">c := (vp[vp=?x,mod=true,neg=true,pos=4]\\vp[vp=?x,pos=0])/*(vp[vp=?x,mod=true,neg=false,pos=4]\\vp[vp=?x,pos=0]) </w:t>
      </w:r>
      <w:r w:rsidR="0014091F" w:rsidRPr="001E0A23">
        <w:rPr>
          <w:sz w:val="18"/>
        </w:rPr>
        <w:tab/>
      </w:r>
      <w:r w:rsidR="0014091F" w:rsidRPr="001E0A23">
        <w:rPr>
          <w:sz w:val="18"/>
        </w:rPr>
        <w:tab/>
      </w:r>
      <w:r w:rsidR="0014091F" w:rsidRPr="001E0A23">
        <w:rPr>
          <w:sz w:val="18"/>
        </w:rPr>
        <w:tab/>
        <w:t>: \n\p.n !not p;</w:t>
      </w:r>
    </w:p>
    <w:p w:rsidR="0014091F" w:rsidRPr="001E0A23" w:rsidRDefault="007B2FB5" w:rsidP="0014091F">
      <w:pPr>
        <w:pStyle w:val="NoSpacing"/>
        <w:rPr>
          <w:sz w:val="18"/>
        </w:rPr>
      </w:pPr>
      <w:r>
        <w:rPr>
          <w:sz w:val="18"/>
        </w:rPr>
        <w:t>-me</w:t>
      </w:r>
      <w:r>
        <w:rPr>
          <w:sz w:val="18"/>
        </w:rPr>
        <w:tab/>
      </w:r>
      <w:r w:rsidR="0014091F" w:rsidRPr="001E0A23">
        <w:rPr>
          <w:sz w:val="18"/>
        </w:rPr>
        <w:t>c := ((vp[vp=?x,mod=false,neg=true,pos=4]/s[mod=false,pos=7])\\vp[vp=?x,pos=0])/*</w:t>
      </w:r>
      <w:r>
        <w:rPr>
          <w:sz w:val="18"/>
        </w:rPr>
        <w:t xml:space="preserve"> </w:t>
      </w:r>
      <w:r>
        <w:rPr>
          <w:sz w:val="18"/>
        </w:rPr>
        <w:tab/>
      </w:r>
      <w:r>
        <w:rPr>
          <w:sz w:val="18"/>
        </w:rPr>
        <w:tab/>
      </w:r>
      <w:r>
        <w:rPr>
          <w:sz w:val="18"/>
        </w:rPr>
        <w:tab/>
      </w:r>
      <w:r>
        <w:rPr>
          <w:sz w:val="18"/>
        </w:rPr>
        <w:tab/>
      </w:r>
      <w:r>
        <w:rPr>
          <w:sz w:val="18"/>
        </w:rPr>
        <w:tab/>
      </w:r>
      <w:r>
        <w:rPr>
          <w:sz w:val="18"/>
        </w:rPr>
        <w:tab/>
      </w:r>
      <w:r>
        <w:rPr>
          <w:sz w:val="18"/>
        </w:rPr>
        <w:tab/>
      </w:r>
      <w:r w:rsidR="0014091F" w:rsidRPr="001E0A23">
        <w:rPr>
          <w:sz w:val="18"/>
        </w:rPr>
        <w:t xml:space="preserve">((vp[vp=?x,mod=false,neg=false,pos=4]/s[mod=false,pos=7])\\vp[vp=?x,pos=0]) </w:t>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s.n !not p s;</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negation: intransitive pos=0</w:t>
      </w:r>
    </w:p>
    <w:p w:rsidR="0014091F" w:rsidRPr="001E0A23" w:rsidRDefault="00046CE4" w:rsidP="0014091F">
      <w:pPr>
        <w:pStyle w:val="NoSpacing"/>
        <w:rPr>
          <w:sz w:val="18"/>
        </w:rPr>
      </w:pPr>
      <w:r>
        <w:rPr>
          <w:sz w:val="18"/>
        </w:rPr>
        <w:t>-me</w:t>
      </w:r>
      <w:r>
        <w:rPr>
          <w:sz w:val="18"/>
        </w:rPr>
        <w:tab/>
      </w:r>
      <w:r w:rsidR="0014091F" w:rsidRPr="001E0A23">
        <w:rPr>
          <w:sz w:val="18"/>
        </w:rPr>
        <w:t>c := ((vp[vp=?x,mod=true,neg=true,pos=3]\np)</w:t>
      </w:r>
      <w:r w:rsidRPr="00046CE4">
        <w:rPr>
          <w:sz w:val="18"/>
        </w:rPr>
        <w:t>\\(vp[vp=?x,pos=0]\np))/*((vp[vp=?x,mod=true,neg=false,pos=3]\np)\\</w:t>
      </w:r>
      <w:r>
        <w:rPr>
          <w:sz w:val="18"/>
        </w:rPr>
        <w:t xml:space="preserve"> </w:t>
      </w:r>
      <w:r>
        <w:rPr>
          <w:sz w:val="18"/>
        </w:rPr>
        <w:tab/>
      </w:r>
      <w:r>
        <w:rPr>
          <w:sz w:val="18"/>
        </w:rPr>
        <w:tab/>
      </w:r>
      <w:r>
        <w:rPr>
          <w:sz w:val="18"/>
        </w:rPr>
        <w:tab/>
      </w:r>
      <w:r w:rsidR="0014091F" w:rsidRPr="001E0A23">
        <w:rPr>
          <w:sz w:val="18"/>
        </w:rPr>
        <w:t xml:space="preserve">(vp[vp=?x,pos=0]\np)) </w:t>
      </w:r>
      <w:r w:rsidR="0014091F" w:rsidRPr="001E0A23">
        <w:rPr>
          <w:sz w:val="18"/>
        </w:rPr>
        <w:tab/>
      </w:r>
      <w:r w:rsidR="0014091F" w:rsidRPr="001E0A23">
        <w:rPr>
          <w:sz w:val="18"/>
        </w:rPr>
        <w:tab/>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x.n !not (p x);</w:t>
      </w:r>
    </w:p>
    <w:p w:rsidR="0014091F" w:rsidRPr="001E0A23" w:rsidRDefault="00046CE4" w:rsidP="0014091F">
      <w:pPr>
        <w:pStyle w:val="NoSpacing"/>
        <w:rPr>
          <w:sz w:val="18"/>
        </w:rPr>
      </w:pPr>
      <w:r>
        <w:rPr>
          <w:sz w:val="18"/>
        </w:rPr>
        <w:t>-me</w:t>
      </w:r>
      <w:r>
        <w:rPr>
          <w:sz w:val="18"/>
        </w:rPr>
        <w:tab/>
      </w:r>
      <w:r w:rsidR="0014091F" w:rsidRPr="001E0A23">
        <w:rPr>
          <w:sz w:val="18"/>
        </w:rPr>
        <w:t>c := ((vp[vp=?x,mod=false,neg=true,pos=4]\np)\\(vp[vp=?x,pos=0]\np))/*((vp[vp=?x,mod=false,neg=false,pos=4]\np)\\</w:t>
      </w:r>
      <w:r>
        <w:rPr>
          <w:sz w:val="18"/>
        </w:rPr>
        <w:t xml:space="preserve"> </w:t>
      </w:r>
      <w:r>
        <w:rPr>
          <w:sz w:val="18"/>
        </w:rPr>
        <w:tab/>
      </w:r>
      <w:r>
        <w:rPr>
          <w:sz w:val="18"/>
        </w:rPr>
        <w:tab/>
      </w:r>
      <w:r>
        <w:rPr>
          <w:sz w:val="18"/>
        </w:rPr>
        <w:tab/>
      </w:r>
      <w:r w:rsidR="0014091F" w:rsidRPr="001E0A23">
        <w:rPr>
          <w:sz w:val="18"/>
        </w:rPr>
        <w:t xml:space="preserve">(vp[vp=?x,pos=0]\np)) </w:t>
      </w:r>
      <w:r w:rsidR="0014091F" w:rsidRPr="001E0A23">
        <w:rPr>
          <w:sz w:val="18"/>
        </w:rPr>
        <w:tab/>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x\w0\t0.!not (n p x w0 t0);</w:t>
      </w:r>
    </w:p>
    <w:p w:rsidR="0014091F" w:rsidRPr="001E0A23" w:rsidRDefault="0057652C" w:rsidP="0014091F">
      <w:pPr>
        <w:pStyle w:val="NoSpacing"/>
        <w:rPr>
          <w:sz w:val="18"/>
        </w:rPr>
      </w:pPr>
      <w:r>
        <w:rPr>
          <w:sz w:val="18"/>
        </w:rPr>
        <w:t>-me</w:t>
      </w:r>
      <w:r>
        <w:rPr>
          <w:sz w:val="18"/>
        </w:rPr>
        <w:tab/>
      </w:r>
      <w:r w:rsidR="0014091F" w:rsidRPr="001E0A23">
        <w:rPr>
          <w:sz w:val="18"/>
        </w:rPr>
        <w:t>c := ((vp[vp=?x,mod=true,neg=true,pos=4]\np)\\(vp[vp=?x,pos=0]\np))/*((vp[vp=?x,mod=true,neg=false,pos=4]\np)\\</w:t>
      </w:r>
      <w:r>
        <w:rPr>
          <w:sz w:val="18"/>
        </w:rPr>
        <w:t xml:space="preserve"> </w:t>
      </w:r>
      <w:r>
        <w:rPr>
          <w:sz w:val="18"/>
        </w:rPr>
        <w:tab/>
      </w:r>
      <w:r>
        <w:rPr>
          <w:sz w:val="18"/>
        </w:rPr>
        <w:tab/>
      </w:r>
      <w:r>
        <w:rPr>
          <w:sz w:val="18"/>
        </w:rPr>
        <w:tab/>
      </w:r>
      <w:r w:rsidR="0014091F" w:rsidRPr="001E0A23">
        <w:rPr>
          <w:sz w:val="18"/>
        </w:rPr>
        <w:t xml:space="preserve">(vp[vp=?x,pos=0]\np)) </w:t>
      </w:r>
      <w:r w:rsidR="0014091F" w:rsidRPr="001E0A23">
        <w:rPr>
          <w:sz w:val="18"/>
        </w:rPr>
        <w:tab/>
      </w:r>
      <w:r w:rsidR="0014091F" w:rsidRPr="001E0A23">
        <w:rPr>
          <w:sz w:val="18"/>
        </w:rPr>
        <w:tab/>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x.n !not (p x);</w:t>
      </w:r>
    </w:p>
    <w:p w:rsidR="0014091F" w:rsidRPr="001E0A23" w:rsidRDefault="0057652C" w:rsidP="0014091F">
      <w:pPr>
        <w:pStyle w:val="NoSpacing"/>
        <w:rPr>
          <w:sz w:val="18"/>
        </w:rPr>
      </w:pPr>
      <w:r>
        <w:rPr>
          <w:sz w:val="18"/>
        </w:rPr>
        <w:t>-me</w:t>
      </w:r>
      <w:r>
        <w:rPr>
          <w:sz w:val="18"/>
        </w:rPr>
        <w:tab/>
      </w:r>
      <w:r w:rsidR="0014091F" w:rsidRPr="001E0A23">
        <w:rPr>
          <w:sz w:val="18"/>
        </w:rPr>
        <w:t>c := (((vp[vp=?x,mod=false,neg=true,pos=4]/s[mod=false,pos=7])\np)\\(vp[vp=?x,pos=0]\np))/*</w:t>
      </w:r>
      <w:r>
        <w:rPr>
          <w:sz w:val="18"/>
        </w:rPr>
        <w:t xml:space="preserve"> </w:t>
      </w:r>
      <w:r>
        <w:rPr>
          <w:sz w:val="18"/>
        </w:rPr>
        <w:tab/>
      </w:r>
      <w:r>
        <w:rPr>
          <w:sz w:val="18"/>
        </w:rPr>
        <w:tab/>
      </w:r>
      <w:r>
        <w:rPr>
          <w:sz w:val="18"/>
        </w:rPr>
        <w:tab/>
      </w:r>
      <w:r>
        <w:rPr>
          <w:sz w:val="18"/>
        </w:rPr>
        <w:tab/>
      </w:r>
      <w:r>
        <w:rPr>
          <w:sz w:val="18"/>
        </w:rPr>
        <w:tab/>
      </w:r>
      <w:r>
        <w:rPr>
          <w:sz w:val="18"/>
        </w:rPr>
        <w:tab/>
      </w:r>
      <w:r w:rsidR="0014091F" w:rsidRPr="001E0A23">
        <w:rPr>
          <w:sz w:val="18"/>
        </w:rPr>
        <w:t xml:space="preserve">(((vp[vp=?x,mod=false,neg=false,pos=4]/s[mod=false,pos=7])\np)\\(vp[vp=?x,pos=0]\np)) </w:t>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x\s.n !not (p x) (s);</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negation: transitive pos=0</w:t>
      </w:r>
    </w:p>
    <w:p w:rsidR="0014091F" w:rsidRPr="001E0A23" w:rsidRDefault="00ED7507" w:rsidP="0014091F">
      <w:pPr>
        <w:pStyle w:val="NoSpacing"/>
        <w:rPr>
          <w:sz w:val="18"/>
        </w:rPr>
      </w:pPr>
      <w:r>
        <w:rPr>
          <w:sz w:val="18"/>
        </w:rPr>
        <w:t>-me</w:t>
      </w:r>
      <w:r>
        <w:rPr>
          <w:sz w:val="18"/>
        </w:rPr>
        <w:tab/>
      </w:r>
      <w:r w:rsidR="0014091F" w:rsidRPr="001E0A23">
        <w:rPr>
          <w:sz w:val="18"/>
        </w:rPr>
        <w:t>c := (((vp[vp=?x,mod=true,neg=true,pos=3]\np)\np)\\((vp[vp=?x,pos=0]\np)\np))/*</w:t>
      </w:r>
      <w:r>
        <w:rPr>
          <w:sz w:val="18"/>
        </w:rPr>
        <w:t xml:space="preserve"> </w:t>
      </w:r>
      <w:r>
        <w:rPr>
          <w:sz w:val="18"/>
        </w:rPr>
        <w:tab/>
      </w:r>
      <w:r>
        <w:rPr>
          <w:sz w:val="18"/>
        </w:rPr>
        <w:tab/>
      </w:r>
      <w:r>
        <w:rPr>
          <w:sz w:val="18"/>
        </w:rPr>
        <w:tab/>
      </w:r>
      <w:r>
        <w:rPr>
          <w:sz w:val="18"/>
        </w:rPr>
        <w:tab/>
      </w:r>
      <w:r>
        <w:rPr>
          <w:sz w:val="18"/>
        </w:rPr>
        <w:tab/>
      </w:r>
      <w:r>
        <w:rPr>
          <w:sz w:val="18"/>
        </w:rPr>
        <w:tab/>
      </w:r>
      <w:r>
        <w:rPr>
          <w:sz w:val="18"/>
        </w:rPr>
        <w:tab/>
      </w:r>
      <w:r w:rsidR="0014091F" w:rsidRPr="001E0A23">
        <w:rPr>
          <w:sz w:val="18"/>
        </w:rPr>
        <w:t xml:space="preserve">(((vp[vp=?x,mod=true,neg=false,pos=3]\np)\np)\\((vp[vp=?x,pos=0]\np)\np)) </w:t>
      </w:r>
    </w:p>
    <w:p w:rsidR="0014091F" w:rsidRPr="001E0A23" w:rsidRDefault="0014091F" w:rsidP="0014091F">
      <w:pPr>
        <w:pStyle w:val="NoSpacing"/>
        <w:rPr>
          <w:sz w:val="18"/>
        </w:rPr>
      </w:pPr>
      <w:r w:rsidRPr="001E0A23">
        <w:rPr>
          <w:sz w:val="18"/>
        </w:rPr>
        <w:tab/>
      </w:r>
      <w:r w:rsidRPr="001E0A23">
        <w:rPr>
          <w:sz w:val="18"/>
        </w:rPr>
        <w:tab/>
        <w:t>: \n\p\y\x.n !not (p y x);</w:t>
      </w:r>
    </w:p>
    <w:p w:rsidR="0014091F" w:rsidRPr="001E0A23" w:rsidRDefault="00ED7507" w:rsidP="0014091F">
      <w:pPr>
        <w:pStyle w:val="NoSpacing"/>
        <w:rPr>
          <w:sz w:val="18"/>
        </w:rPr>
      </w:pPr>
      <w:r>
        <w:rPr>
          <w:sz w:val="18"/>
        </w:rPr>
        <w:t>-me</w:t>
      </w:r>
      <w:r>
        <w:rPr>
          <w:sz w:val="18"/>
        </w:rPr>
        <w:tab/>
      </w:r>
      <w:r w:rsidR="0014091F" w:rsidRPr="001E0A23">
        <w:rPr>
          <w:sz w:val="18"/>
        </w:rPr>
        <w:t>c := (((vp[vp=?x,mod=false,neg=true,pos=4]\np)\np)\\((vp[vp=?x,pos=0]\np)\np))/*</w:t>
      </w:r>
      <w:r>
        <w:rPr>
          <w:sz w:val="18"/>
        </w:rPr>
        <w:t xml:space="preserve"> </w:t>
      </w:r>
      <w:r>
        <w:rPr>
          <w:sz w:val="18"/>
        </w:rPr>
        <w:tab/>
      </w:r>
      <w:r>
        <w:rPr>
          <w:sz w:val="18"/>
        </w:rPr>
        <w:tab/>
      </w:r>
      <w:r>
        <w:rPr>
          <w:sz w:val="18"/>
        </w:rPr>
        <w:tab/>
      </w:r>
      <w:r>
        <w:rPr>
          <w:sz w:val="18"/>
        </w:rPr>
        <w:tab/>
      </w:r>
      <w:r>
        <w:rPr>
          <w:sz w:val="18"/>
        </w:rPr>
        <w:tab/>
      </w:r>
      <w:r>
        <w:rPr>
          <w:sz w:val="18"/>
        </w:rPr>
        <w:tab/>
      </w:r>
      <w:r>
        <w:rPr>
          <w:sz w:val="18"/>
        </w:rPr>
        <w:tab/>
      </w:r>
      <w:r w:rsidR="0014091F" w:rsidRPr="001E0A23">
        <w:rPr>
          <w:sz w:val="18"/>
        </w:rPr>
        <w:t xml:space="preserve">(((vp[vp=?x,mod=false,neg=false,pos=4]\np)\np)\\((vp[vp=?x,pos=0]\np)\np)) </w:t>
      </w:r>
      <w:r w:rsidR="0014091F" w:rsidRPr="001E0A23">
        <w:rPr>
          <w:sz w:val="18"/>
        </w:rPr>
        <w:tab/>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y\x\w0\t0.!not (n p y x w0 t0);</w:t>
      </w:r>
    </w:p>
    <w:p w:rsidR="0014091F" w:rsidRPr="001E0A23" w:rsidRDefault="00ED7507" w:rsidP="0014091F">
      <w:pPr>
        <w:pStyle w:val="NoSpacing"/>
        <w:rPr>
          <w:sz w:val="18"/>
        </w:rPr>
      </w:pPr>
      <w:r>
        <w:rPr>
          <w:sz w:val="18"/>
        </w:rPr>
        <w:t>-me</w:t>
      </w:r>
      <w:r>
        <w:rPr>
          <w:sz w:val="18"/>
        </w:rPr>
        <w:tab/>
      </w:r>
      <w:r w:rsidR="0014091F" w:rsidRPr="001E0A23">
        <w:rPr>
          <w:sz w:val="18"/>
        </w:rPr>
        <w:t>c := (((vp[vp=?x,mod=true,neg=true,pos=4]\np)\np)\\((vp[vp=?x,pos=0]\np)\np))/*</w:t>
      </w:r>
      <w:r>
        <w:rPr>
          <w:sz w:val="18"/>
        </w:rPr>
        <w:t xml:space="preserve"> </w:t>
      </w:r>
      <w:r>
        <w:rPr>
          <w:sz w:val="18"/>
        </w:rPr>
        <w:tab/>
      </w:r>
      <w:r>
        <w:rPr>
          <w:sz w:val="18"/>
        </w:rPr>
        <w:tab/>
      </w:r>
      <w:r>
        <w:rPr>
          <w:sz w:val="18"/>
        </w:rPr>
        <w:tab/>
      </w:r>
      <w:r>
        <w:rPr>
          <w:sz w:val="18"/>
        </w:rPr>
        <w:tab/>
      </w:r>
      <w:r>
        <w:rPr>
          <w:sz w:val="18"/>
        </w:rPr>
        <w:tab/>
      </w:r>
      <w:r>
        <w:rPr>
          <w:sz w:val="18"/>
        </w:rPr>
        <w:tab/>
      </w:r>
      <w:r>
        <w:rPr>
          <w:sz w:val="18"/>
        </w:rPr>
        <w:tab/>
      </w:r>
      <w:r w:rsidR="0014091F" w:rsidRPr="001E0A23">
        <w:rPr>
          <w:sz w:val="18"/>
        </w:rPr>
        <w:t xml:space="preserve">(((vp[vp=?x,mod=true,neg=false,pos=4]\np)\np)\\((vp[vp=?x,pos=0]\np)\np)) </w:t>
      </w:r>
    </w:p>
    <w:p w:rsidR="0014091F" w:rsidRPr="001E0A23" w:rsidRDefault="0014091F" w:rsidP="0014091F">
      <w:pPr>
        <w:pStyle w:val="NoSpacing"/>
        <w:rPr>
          <w:sz w:val="18"/>
        </w:rPr>
      </w:pPr>
      <w:r w:rsidRPr="001E0A23">
        <w:rPr>
          <w:sz w:val="18"/>
        </w:rPr>
        <w:tab/>
      </w:r>
      <w:r w:rsidRPr="001E0A23">
        <w:rPr>
          <w:sz w:val="18"/>
        </w:rPr>
        <w:tab/>
        <w:t>: \n\p\y\x.n !not (p y x);</w:t>
      </w:r>
    </w:p>
    <w:p w:rsidR="0014091F" w:rsidRPr="001E0A23" w:rsidRDefault="00ED7507" w:rsidP="0014091F">
      <w:pPr>
        <w:pStyle w:val="NoSpacing"/>
        <w:rPr>
          <w:sz w:val="18"/>
        </w:rPr>
      </w:pPr>
      <w:r>
        <w:rPr>
          <w:sz w:val="18"/>
        </w:rPr>
        <w:t>-me</w:t>
      </w:r>
      <w:r>
        <w:rPr>
          <w:sz w:val="18"/>
        </w:rPr>
        <w:tab/>
      </w:r>
      <w:r w:rsidR="0014091F" w:rsidRPr="001E0A23">
        <w:rPr>
          <w:sz w:val="18"/>
        </w:rPr>
        <w:t>c := ((((vp[vp=?x,mod=false,neg=true,pos=4]/s[mod=false,pos=7])\np)\np)\\((vp[vp=?x,pos=0]\np)\np))/*</w:t>
      </w:r>
      <w:r>
        <w:rPr>
          <w:sz w:val="18"/>
        </w:rPr>
        <w:t xml:space="preserve"> </w:t>
      </w:r>
      <w:r>
        <w:rPr>
          <w:sz w:val="18"/>
        </w:rPr>
        <w:tab/>
      </w:r>
      <w:r>
        <w:rPr>
          <w:sz w:val="18"/>
        </w:rPr>
        <w:tab/>
      </w:r>
      <w:r>
        <w:rPr>
          <w:sz w:val="18"/>
        </w:rPr>
        <w:tab/>
      </w:r>
      <w:r>
        <w:rPr>
          <w:sz w:val="18"/>
        </w:rPr>
        <w:tab/>
      </w:r>
      <w:r>
        <w:rPr>
          <w:sz w:val="18"/>
        </w:rPr>
        <w:tab/>
      </w:r>
      <w:r w:rsidR="0014091F" w:rsidRPr="001E0A23">
        <w:rPr>
          <w:sz w:val="18"/>
        </w:rPr>
        <w:t>((((vp[vp=?x,mod=false,neg=false,pos=4]/s[mod=false,pos=7])\np)\np)\\((vp[vp=?x,pos=0]\np)\np))</w:t>
      </w:r>
      <w:r w:rsidR="0051166E" w:rsidRPr="001E0A23">
        <w:rPr>
          <w:sz w:val="18"/>
        </w:rPr>
        <w:t xml:space="preserve"> </w:t>
      </w:r>
    </w:p>
    <w:p w:rsidR="0014091F" w:rsidRPr="001E0A23" w:rsidRDefault="0014091F" w:rsidP="0014091F">
      <w:pPr>
        <w:pStyle w:val="NoSpacing"/>
        <w:rPr>
          <w:sz w:val="18"/>
        </w:rPr>
      </w:pPr>
      <w:r w:rsidRPr="001E0A23">
        <w:rPr>
          <w:sz w:val="18"/>
        </w:rPr>
        <w:tab/>
      </w:r>
      <w:r w:rsidRPr="001E0A23">
        <w:rPr>
          <w:sz w:val="18"/>
        </w:rPr>
        <w:tab/>
        <w:t>: \n\p\y\x\s.n !not (p y x) (s);</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negation: causative transitive pos=0</w:t>
      </w:r>
    </w:p>
    <w:p w:rsidR="0014091F" w:rsidRPr="001E0A23" w:rsidRDefault="00ED7507" w:rsidP="0014091F">
      <w:pPr>
        <w:pStyle w:val="NoSpacing"/>
        <w:rPr>
          <w:sz w:val="18"/>
        </w:rPr>
      </w:pPr>
      <w:r>
        <w:rPr>
          <w:sz w:val="18"/>
        </w:rPr>
        <w:t>-me</w:t>
      </w:r>
      <w:r>
        <w:rPr>
          <w:sz w:val="18"/>
        </w:rPr>
        <w:tab/>
      </w:r>
      <w:r w:rsidR="0014091F" w:rsidRPr="001E0A23">
        <w:rPr>
          <w:sz w:val="18"/>
        </w:rPr>
        <w:t>c := ((((vp[vp=?x,mod=true,neg=true,pos=3]\np)\np)\np)\\(((vp[vp=?x,pos=0]\np)\np)\np))/*</w:t>
      </w:r>
      <w:r>
        <w:rPr>
          <w:sz w:val="18"/>
        </w:rPr>
        <w:t xml:space="preserve"> </w:t>
      </w:r>
      <w:r>
        <w:rPr>
          <w:sz w:val="18"/>
        </w:rPr>
        <w:tab/>
      </w:r>
      <w:r>
        <w:rPr>
          <w:sz w:val="18"/>
        </w:rPr>
        <w:tab/>
      </w:r>
      <w:r>
        <w:rPr>
          <w:sz w:val="18"/>
        </w:rPr>
        <w:tab/>
      </w:r>
      <w:r>
        <w:rPr>
          <w:sz w:val="18"/>
        </w:rPr>
        <w:tab/>
      </w:r>
      <w:r>
        <w:rPr>
          <w:sz w:val="18"/>
        </w:rPr>
        <w:tab/>
      </w:r>
      <w:r>
        <w:rPr>
          <w:sz w:val="18"/>
        </w:rPr>
        <w:tab/>
      </w:r>
      <w:r w:rsidR="0014091F" w:rsidRPr="001E0A23">
        <w:rPr>
          <w:sz w:val="18"/>
        </w:rPr>
        <w:t xml:space="preserve">((((vp[vp=?x,mod=true,neg=false,pos=3]\np)\np)\np)\\(((vp[vp=?x,pos=0]\np)\np)\np)) </w:t>
      </w:r>
    </w:p>
    <w:p w:rsidR="0014091F" w:rsidRPr="001E0A23" w:rsidRDefault="0014091F" w:rsidP="0014091F">
      <w:pPr>
        <w:pStyle w:val="NoSpacing"/>
        <w:rPr>
          <w:sz w:val="18"/>
        </w:rPr>
      </w:pPr>
      <w:r w:rsidRPr="001E0A23">
        <w:rPr>
          <w:sz w:val="18"/>
        </w:rPr>
        <w:tab/>
      </w:r>
      <w:r w:rsidRPr="001E0A23">
        <w:rPr>
          <w:sz w:val="18"/>
        </w:rPr>
        <w:tab/>
        <w:t>: \n\p\z\y\x.n !not (p z y x);</w:t>
      </w:r>
    </w:p>
    <w:p w:rsidR="0014091F" w:rsidRPr="001E0A23" w:rsidRDefault="00ED7507" w:rsidP="0014091F">
      <w:pPr>
        <w:pStyle w:val="NoSpacing"/>
        <w:rPr>
          <w:sz w:val="18"/>
        </w:rPr>
      </w:pPr>
      <w:r>
        <w:rPr>
          <w:sz w:val="18"/>
        </w:rPr>
        <w:t>-me</w:t>
      </w:r>
      <w:r>
        <w:rPr>
          <w:sz w:val="18"/>
        </w:rPr>
        <w:tab/>
      </w:r>
      <w:r w:rsidR="0014091F" w:rsidRPr="001E0A23">
        <w:rPr>
          <w:sz w:val="18"/>
        </w:rPr>
        <w:t>c := ((((vp[vp=?x,mod=false,neg=true,pos=4]\np)\np)\np)\\(((vp[vp=?x,pos=0]\np)\np)\np))/*</w:t>
      </w:r>
      <w:r>
        <w:rPr>
          <w:sz w:val="18"/>
        </w:rPr>
        <w:t xml:space="preserve"> </w:t>
      </w:r>
      <w:r>
        <w:rPr>
          <w:sz w:val="18"/>
        </w:rPr>
        <w:tab/>
      </w:r>
      <w:r>
        <w:rPr>
          <w:sz w:val="18"/>
        </w:rPr>
        <w:tab/>
      </w:r>
      <w:r>
        <w:rPr>
          <w:sz w:val="18"/>
        </w:rPr>
        <w:tab/>
      </w:r>
      <w:r>
        <w:rPr>
          <w:sz w:val="18"/>
        </w:rPr>
        <w:tab/>
      </w:r>
      <w:r>
        <w:rPr>
          <w:sz w:val="18"/>
        </w:rPr>
        <w:tab/>
      </w:r>
      <w:r>
        <w:rPr>
          <w:sz w:val="18"/>
        </w:rPr>
        <w:tab/>
      </w:r>
      <w:r w:rsidR="0014091F" w:rsidRPr="001E0A23">
        <w:rPr>
          <w:sz w:val="18"/>
        </w:rPr>
        <w:t xml:space="preserve">((((vp[vp=?x,mod=false,neg=false,pos=4]\np)\np)\np)\\(((vp[vp=?x,pos=0]\np)\np)\np)) </w:t>
      </w:r>
    </w:p>
    <w:p w:rsidR="0014091F" w:rsidRPr="001E0A23" w:rsidRDefault="0014091F" w:rsidP="0014091F">
      <w:pPr>
        <w:pStyle w:val="NoSpacing"/>
        <w:rPr>
          <w:sz w:val="18"/>
        </w:rPr>
      </w:pPr>
      <w:r w:rsidRPr="001E0A23">
        <w:rPr>
          <w:sz w:val="18"/>
        </w:rPr>
        <w:tab/>
      </w:r>
      <w:r w:rsidRPr="001E0A23">
        <w:rPr>
          <w:sz w:val="18"/>
        </w:rPr>
        <w:tab/>
        <w:t>: \n\p\z\y\x\w0\t0.!not (n p z y x w0 t0);</w:t>
      </w:r>
    </w:p>
    <w:p w:rsidR="0014091F" w:rsidRPr="001E0A23" w:rsidRDefault="00ED7507" w:rsidP="0014091F">
      <w:pPr>
        <w:pStyle w:val="NoSpacing"/>
        <w:rPr>
          <w:sz w:val="18"/>
        </w:rPr>
      </w:pPr>
      <w:r>
        <w:rPr>
          <w:sz w:val="18"/>
        </w:rPr>
        <w:t>-me</w:t>
      </w:r>
      <w:r>
        <w:rPr>
          <w:sz w:val="18"/>
        </w:rPr>
        <w:tab/>
      </w:r>
      <w:r w:rsidR="0014091F" w:rsidRPr="001E0A23">
        <w:rPr>
          <w:sz w:val="18"/>
        </w:rPr>
        <w:t>c := ((((vp[vp=?x,mod=true,neg=true,pos=4]\np)\np)\np)\\(((vp[vp=?x,pos=0]\np)\np)\np))/*</w:t>
      </w:r>
      <w:r>
        <w:rPr>
          <w:sz w:val="18"/>
        </w:rPr>
        <w:t xml:space="preserve"> </w:t>
      </w:r>
      <w:r>
        <w:rPr>
          <w:sz w:val="18"/>
        </w:rPr>
        <w:tab/>
      </w:r>
      <w:r>
        <w:rPr>
          <w:sz w:val="18"/>
        </w:rPr>
        <w:tab/>
      </w:r>
      <w:r>
        <w:rPr>
          <w:sz w:val="18"/>
        </w:rPr>
        <w:tab/>
      </w:r>
      <w:r>
        <w:rPr>
          <w:sz w:val="18"/>
        </w:rPr>
        <w:tab/>
      </w:r>
      <w:r>
        <w:rPr>
          <w:sz w:val="18"/>
        </w:rPr>
        <w:tab/>
      </w:r>
      <w:r>
        <w:rPr>
          <w:sz w:val="18"/>
        </w:rPr>
        <w:tab/>
      </w:r>
      <w:r w:rsidR="0014091F" w:rsidRPr="001E0A23">
        <w:rPr>
          <w:sz w:val="18"/>
        </w:rPr>
        <w:t xml:space="preserve">((((vp[vp=?x,mod=true,neg=false,pos=4]\np)\np)\np)\\(((vp[vp=?x,pos=0]\np)\np)\np)) </w:t>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z\y\x.n !not (p z y x);</w:t>
      </w:r>
    </w:p>
    <w:p w:rsidR="0014091F" w:rsidRPr="001E0A23" w:rsidRDefault="00ED7507" w:rsidP="0014091F">
      <w:pPr>
        <w:pStyle w:val="NoSpacing"/>
        <w:rPr>
          <w:sz w:val="18"/>
        </w:rPr>
      </w:pPr>
      <w:r>
        <w:rPr>
          <w:sz w:val="18"/>
        </w:rPr>
        <w:t>-me</w:t>
      </w:r>
      <w:r>
        <w:rPr>
          <w:sz w:val="18"/>
        </w:rPr>
        <w:tab/>
      </w:r>
      <w:r w:rsidR="0014091F" w:rsidRPr="001E0A23">
        <w:rPr>
          <w:sz w:val="18"/>
        </w:rPr>
        <w:t>c := (((((vp[vp=?x,mod=false,neg=true,pos=4]/s[mod=false,pos=7])\np)\np)\np)\\(((vp[vp=?x,pos=0]\np)\np)\np))/*</w:t>
      </w:r>
      <w:r>
        <w:rPr>
          <w:sz w:val="18"/>
        </w:rPr>
        <w:t xml:space="preserve"> </w:t>
      </w:r>
      <w:r>
        <w:rPr>
          <w:sz w:val="18"/>
        </w:rPr>
        <w:tab/>
      </w:r>
      <w:r>
        <w:rPr>
          <w:sz w:val="18"/>
        </w:rPr>
        <w:tab/>
      </w:r>
      <w:r>
        <w:rPr>
          <w:sz w:val="18"/>
        </w:rPr>
        <w:tab/>
      </w:r>
      <w:r>
        <w:rPr>
          <w:sz w:val="18"/>
        </w:rPr>
        <w:tab/>
      </w:r>
      <w:r w:rsidR="0014091F" w:rsidRPr="001E0A23">
        <w:rPr>
          <w:sz w:val="18"/>
        </w:rPr>
        <w:t>(((((vp[vp=?x,mod=false,neg=false,pos=4]/s[mod=false,pos=7])\np)\np)\np)\\(((vp[vp=?x,pos=0]\np)\np)\np))</w:t>
      </w:r>
    </w:p>
    <w:p w:rsidR="0014091F" w:rsidRPr="001E0A23" w:rsidRDefault="0014091F" w:rsidP="0014091F">
      <w:pPr>
        <w:pStyle w:val="NoSpacing"/>
        <w:rPr>
          <w:sz w:val="18"/>
        </w:rPr>
      </w:pPr>
      <w:r w:rsidRPr="001E0A23">
        <w:rPr>
          <w:sz w:val="18"/>
        </w:rPr>
        <w:tab/>
      </w:r>
      <w:r w:rsidRPr="001E0A23">
        <w:rPr>
          <w:sz w:val="18"/>
        </w:rPr>
        <w:tab/>
        <w:t>: \n\p\z\y\x\s.n !not (p z y x) (s);</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negation: passive intransitive pos=1</w:t>
      </w:r>
    </w:p>
    <w:p w:rsidR="0014091F" w:rsidRPr="001E0A23" w:rsidRDefault="00ED7507" w:rsidP="0014091F">
      <w:pPr>
        <w:pStyle w:val="NoSpacing"/>
        <w:rPr>
          <w:sz w:val="18"/>
        </w:rPr>
      </w:pPr>
      <w:r>
        <w:rPr>
          <w:sz w:val="18"/>
        </w:rPr>
        <w:t>-me</w:t>
      </w:r>
      <w:r>
        <w:rPr>
          <w:sz w:val="18"/>
        </w:rPr>
        <w:tab/>
      </w:r>
      <w:r w:rsidR="0014091F" w:rsidRPr="001E0A23">
        <w:rPr>
          <w:sz w:val="18"/>
        </w:rPr>
        <w:t xml:space="preserve">c := (vp[vp=?x,mod=true,neg=true,pos=3]\\vp[vp=?x,pos=1])/*(vp[vp=?x,mod=true,neg=false,pos=3]\\vp[vp=?x,pos=1]) </w:t>
      </w:r>
      <w:r w:rsidR="0014091F" w:rsidRPr="001E0A23">
        <w:rPr>
          <w:sz w:val="18"/>
        </w:rPr>
        <w:tab/>
      </w:r>
      <w:r w:rsidR="0014091F" w:rsidRPr="001E0A23">
        <w:rPr>
          <w:sz w:val="18"/>
        </w:rPr>
        <w:tab/>
      </w:r>
      <w:r>
        <w:rPr>
          <w:sz w:val="18"/>
        </w:rPr>
        <w:tab/>
      </w:r>
      <w:r w:rsidR="0014091F" w:rsidRPr="001E0A23">
        <w:rPr>
          <w:sz w:val="18"/>
        </w:rPr>
        <w:t>: \n\p.n !not (p);</w:t>
      </w:r>
    </w:p>
    <w:p w:rsidR="00ED7507" w:rsidRDefault="00ED7507" w:rsidP="0014091F">
      <w:pPr>
        <w:pStyle w:val="NoSpacing"/>
        <w:rPr>
          <w:sz w:val="18"/>
        </w:rPr>
      </w:pPr>
      <w:r>
        <w:rPr>
          <w:sz w:val="18"/>
        </w:rPr>
        <w:t>-me</w:t>
      </w:r>
      <w:r>
        <w:rPr>
          <w:sz w:val="18"/>
        </w:rPr>
        <w:tab/>
      </w:r>
      <w:r w:rsidR="0014091F" w:rsidRPr="001E0A23">
        <w:rPr>
          <w:sz w:val="18"/>
        </w:rPr>
        <w:t>c := (vp[vp=?x,mod=false,neg=true,pos=4]\\vp[vp=?x,pos=1])/*(vp[vp=?x,mod=false,neg=false,pos=4]\\vp[vp=?x,</w:t>
      </w:r>
      <w:r>
        <w:rPr>
          <w:sz w:val="18"/>
        </w:rPr>
        <w:t xml:space="preserve">pos=1]) </w:t>
      </w:r>
    </w:p>
    <w:p w:rsidR="0014091F" w:rsidRPr="001E0A23" w:rsidRDefault="00ED7507" w:rsidP="0014091F">
      <w:pPr>
        <w:pStyle w:val="NoSpacing"/>
        <w:rPr>
          <w:sz w:val="18"/>
        </w:rPr>
      </w:pPr>
      <w:r>
        <w:rPr>
          <w:sz w:val="18"/>
        </w:rPr>
        <w:tab/>
      </w:r>
      <w:r>
        <w:rPr>
          <w:sz w:val="18"/>
        </w:rPr>
        <w:tab/>
      </w:r>
      <w:r w:rsidR="0014091F" w:rsidRPr="001E0A23">
        <w:rPr>
          <w:sz w:val="18"/>
        </w:rPr>
        <w:t>: \n\p\w0\t0.!not (n p w0 t0);</w:t>
      </w:r>
    </w:p>
    <w:p w:rsidR="0014091F" w:rsidRPr="001E0A23" w:rsidRDefault="00ED7507" w:rsidP="0014091F">
      <w:pPr>
        <w:pStyle w:val="NoSpacing"/>
        <w:rPr>
          <w:sz w:val="18"/>
        </w:rPr>
      </w:pPr>
      <w:r>
        <w:rPr>
          <w:sz w:val="18"/>
        </w:rPr>
        <w:t>-me</w:t>
      </w:r>
      <w:r>
        <w:rPr>
          <w:sz w:val="18"/>
        </w:rPr>
        <w:tab/>
      </w:r>
      <w:r w:rsidR="0014091F" w:rsidRPr="001E0A23">
        <w:rPr>
          <w:sz w:val="18"/>
        </w:rPr>
        <w:t xml:space="preserve">c := (vp[vp=?x,mod=true,neg=true,pos=4]\\vp[vp=?x,pos=1])/*(vp[vp=?x,mod=true,neg=false,pos=4]\\vp[vp=?x,pos=1]) </w:t>
      </w:r>
      <w:r w:rsidR="0014091F" w:rsidRPr="001E0A23">
        <w:rPr>
          <w:sz w:val="18"/>
        </w:rPr>
        <w:tab/>
      </w:r>
      <w:r w:rsidR="0014091F" w:rsidRPr="001E0A23">
        <w:rPr>
          <w:sz w:val="18"/>
        </w:rPr>
        <w:tab/>
      </w:r>
      <w:r>
        <w:rPr>
          <w:sz w:val="18"/>
        </w:rPr>
        <w:tab/>
      </w:r>
      <w:r w:rsidR="0014091F" w:rsidRPr="001E0A23">
        <w:rPr>
          <w:sz w:val="18"/>
        </w:rPr>
        <w:t>: \n\p.n !not (p);</w:t>
      </w:r>
    </w:p>
    <w:p w:rsidR="0014091F" w:rsidRPr="001E0A23" w:rsidRDefault="00C70840" w:rsidP="0014091F">
      <w:pPr>
        <w:pStyle w:val="NoSpacing"/>
        <w:rPr>
          <w:sz w:val="18"/>
        </w:rPr>
      </w:pPr>
      <w:r>
        <w:rPr>
          <w:sz w:val="18"/>
        </w:rPr>
        <w:t>-me</w:t>
      </w:r>
      <w:r>
        <w:rPr>
          <w:sz w:val="18"/>
        </w:rPr>
        <w:tab/>
      </w:r>
      <w:r w:rsidR="0014091F" w:rsidRPr="001E0A23">
        <w:rPr>
          <w:sz w:val="18"/>
        </w:rPr>
        <w:t>c := ((vp[vp=?x,mod=false,neg=true,pos=4]/s[mod=false,pos=7])\\vp[vp=?x,pos=1])/*</w:t>
      </w:r>
      <w:r>
        <w:rPr>
          <w:sz w:val="18"/>
        </w:rPr>
        <w:t xml:space="preserve"> </w:t>
      </w:r>
      <w:r>
        <w:rPr>
          <w:sz w:val="18"/>
        </w:rPr>
        <w:tab/>
      </w:r>
      <w:r>
        <w:rPr>
          <w:sz w:val="18"/>
        </w:rPr>
        <w:tab/>
      </w:r>
      <w:r>
        <w:rPr>
          <w:sz w:val="18"/>
        </w:rPr>
        <w:tab/>
      </w:r>
      <w:r>
        <w:rPr>
          <w:sz w:val="18"/>
        </w:rPr>
        <w:tab/>
      </w:r>
      <w:r>
        <w:rPr>
          <w:sz w:val="18"/>
        </w:rPr>
        <w:tab/>
      </w:r>
      <w:r>
        <w:rPr>
          <w:sz w:val="18"/>
        </w:rPr>
        <w:tab/>
      </w:r>
      <w:r>
        <w:rPr>
          <w:sz w:val="18"/>
        </w:rPr>
        <w:tab/>
      </w:r>
      <w:r w:rsidR="0014091F" w:rsidRPr="001E0A23">
        <w:rPr>
          <w:sz w:val="18"/>
        </w:rPr>
        <w:t xml:space="preserve">((vp[vp=?x,mod=false,neg=false,pos=4]/s[mod=false,pos=7])\\vp[vp=?x,pos=1]) </w:t>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s.n !not (p) (s);</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negation: intransitive pos=1</w:t>
      </w:r>
    </w:p>
    <w:p w:rsidR="0014091F" w:rsidRPr="001E0A23" w:rsidRDefault="00E9689D" w:rsidP="0014091F">
      <w:pPr>
        <w:pStyle w:val="NoSpacing"/>
        <w:rPr>
          <w:sz w:val="18"/>
        </w:rPr>
      </w:pPr>
      <w:r>
        <w:rPr>
          <w:sz w:val="18"/>
        </w:rPr>
        <w:t>-me</w:t>
      </w:r>
      <w:r>
        <w:rPr>
          <w:sz w:val="18"/>
        </w:rPr>
        <w:tab/>
      </w:r>
      <w:r w:rsidR="0014091F" w:rsidRPr="001E0A23">
        <w:rPr>
          <w:sz w:val="18"/>
        </w:rPr>
        <w:t>c := ((vp[vp=?x,mod=true,neg=true,pos=3]\np)\\(vp[vp=?x,pos=1]\np))/*((vp[vp=?x,mod=true,neg=false,pos=3]\np)\\</w:t>
      </w:r>
      <w:r>
        <w:rPr>
          <w:sz w:val="18"/>
        </w:rPr>
        <w:t xml:space="preserve"> </w:t>
      </w:r>
      <w:r>
        <w:rPr>
          <w:sz w:val="18"/>
        </w:rPr>
        <w:tab/>
      </w:r>
      <w:r>
        <w:rPr>
          <w:sz w:val="18"/>
        </w:rPr>
        <w:tab/>
      </w:r>
      <w:r>
        <w:rPr>
          <w:sz w:val="18"/>
        </w:rPr>
        <w:tab/>
      </w:r>
      <w:r w:rsidR="0014091F" w:rsidRPr="001E0A23">
        <w:rPr>
          <w:sz w:val="18"/>
        </w:rPr>
        <w:t xml:space="preserve">(vp[vp=?x,pos=1]\np)) </w:t>
      </w:r>
      <w:r w:rsidR="0014091F" w:rsidRPr="001E0A23">
        <w:rPr>
          <w:sz w:val="18"/>
        </w:rPr>
        <w:tab/>
      </w:r>
      <w:r w:rsidR="0014091F" w:rsidRPr="001E0A23">
        <w:rPr>
          <w:sz w:val="18"/>
        </w:rPr>
        <w:tab/>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x.n !not (p x);</w:t>
      </w:r>
    </w:p>
    <w:p w:rsidR="0014091F" w:rsidRPr="001E0A23" w:rsidRDefault="00E9689D" w:rsidP="0014091F">
      <w:pPr>
        <w:pStyle w:val="NoSpacing"/>
        <w:rPr>
          <w:sz w:val="18"/>
        </w:rPr>
      </w:pPr>
      <w:r>
        <w:rPr>
          <w:sz w:val="18"/>
        </w:rPr>
        <w:lastRenderedPageBreak/>
        <w:t>-me</w:t>
      </w:r>
      <w:r>
        <w:rPr>
          <w:sz w:val="18"/>
        </w:rPr>
        <w:tab/>
      </w:r>
      <w:r w:rsidR="0014091F" w:rsidRPr="001E0A23">
        <w:rPr>
          <w:sz w:val="18"/>
        </w:rPr>
        <w:t>c := ((vp[vp=?x,mod=false,neg=true,pos=4]\np)\\(vp[vp=?x,pos=1]\np))/*((vp[vp=?x,mod=false,neg=false,pos=4]\np)\\</w:t>
      </w:r>
      <w:r>
        <w:rPr>
          <w:sz w:val="18"/>
        </w:rPr>
        <w:t xml:space="preserve"> </w:t>
      </w:r>
      <w:r>
        <w:rPr>
          <w:sz w:val="18"/>
        </w:rPr>
        <w:tab/>
      </w:r>
      <w:r>
        <w:rPr>
          <w:sz w:val="18"/>
        </w:rPr>
        <w:tab/>
      </w:r>
      <w:r>
        <w:rPr>
          <w:sz w:val="18"/>
        </w:rPr>
        <w:tab/>
      </w:r>
      <w:r w:rsidR="0014091F" w:rsidRPr="001E0A23">
        <w:rPr>
          <w:sz w:val="18"/>
        </w:rPr>
        <w:t xml:space="preserve">(vp[vp=?x,pos=1]\np)) </w:t>
      </w:r>
      <w:r w:rsidR="0014091F" w:rsidRPr="001E0A23">
        <w:rPr>
          <w:sz w:val="18"/>
        </w:rPr>
        <w:tab/>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x\w0\t0.!not (n p x w0 t0);</w:t>
      </w:r>
    </w:p>
    <w:p w:rsidR="0014091F" w:rsidRPr="001E0A23" w:rsidRDefault="00E9689D" w:rsidP="0014091F">
      <w:pPr>
        <w:pStyle w:val="NoSpacing"/>
        <w:rPr>
          <w:sz w:val="18"/>
        </w:rPr>
      </w:pPr>
      <w:r>
        <w:rPr>
          <w:sz w:val="18"/>
        </w:rPr>
        <w:t>-me</w:t>
      </w:r>
      <w:r>
        <w:rPr>
          <w:sz w:val="18"/>
        </w:rPr>
        <w:tab/>
      </w:r>
      <w:r w:rsidR="0014091F" w:rsidRPr="001E0A23">
        <w:rPr>
          <w:sz w:val="18"/>
        </w:rPr>
        <w:t>c := ((vp[vp=?x,mod=true,neg=true,pos=4]\np)\\(vp[vp=?x,pos=1]\np))/*((vp[vp=?x,mod=true,neg=false,pos=4]\np)\\</w:t>
      </w:r>
      <w:r>
        <w:rPr>
          <w:sz w:val="18"/>
        </w:rPr>
        <w:t xml:space="preserve"> </w:t>
      </w:r>
      <w:r>
        <w:rPr>
          <w:sz w:val="18"/>
        </w:rPr>
        <w:tab/>
      </w:r>
      <w:r>
        <w:rPr>
          <w:sz w:val="18"/>
        </w:rPr>
        <w:tab/>
      </w:r>
      <w:r>
        <w:rPr>
          <w:sz w:val="18"/>
        </w:rPr>
        <w:tab/>
      </w:r>
      <w:r w:rsidR="0014091F" w:rsidRPr="001E0A23">
        <w:rPr>
          <w:sz w:val="18"/>
        </w:rPr>
        <w:t xml:space="preserve">(vp[vp=?x,pos=1]\np)) </w:t>
      </w:r>
      <w:r w:rsidR="0014091F" w:rsidRPr="001E0A23">
        <w:rPr>
          <w:sz w:val="18"/>
        </w:rPr>
        <w:tab/>
      </w:r>
      <w:r w:rsidR="0014091F" w:rsidRPr="001E0A23">
        <w:rPr>
          <w:sz w:val="18"/>
        </w:rPr>
        <w:tab/>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x.n !not (p x);</w:t>
      </w:r>
    </w:p>
    <w:p w:rsidR="0014091F" w:rsidRPr="001E0A23" w:rsidRDefault="00E9689D" w:rsidP="0014091F">
      <w:pPr>
        <w:pStyle w:val="NoSpacing"/>
        <w:rPr>
          <w:sz w:val="18"/>
        </w:rPr>
      </w:pPr>
      <w:r>
        <w:rPr>
          <w:sz w:val="18"/>
        </w:rPr>
        <w:t>-me</w:t>
      </w:r>
      <w:r>
        <w:rPr>
          <w:sz w:val="18"/>
        </w:rPr>
        <w:tab/>
      </w:r>
      <w:r w:rsidR="0014091F" w:rsidRPr="001E0A23">
        <w:rPr>
          <w:sz w:val="18"/>
        </w:rPr>
        <w:t>c := (((vp[vp=?x,mod=false,neg=true,pos=4]/s[mod=false,pos=7])\np)\\(vp[vp=?x,pos=1]\np))/*</w:t>
      </w:r>
      <w:r>
        <w:rPr>
          <w:sz w:val="18"/>
        </w:rPr>
        <w:t xml:space="preserve"> </w:t>
      </w:r>
      <w:r>
        <w:rPr>
          <w:sz w:val="18"/>
        </w:rPr>
        <w:tab/>
      </w:r>
      <w:r>
        <w:rPr>
          <w:sz w:val="18"/>
        </w:rPr>
        <w:tab/>
      </w:r>
      <w:r>
        <w:rPr>
          <w:sz w:val="18"/>
        </w:rPr>
        <w:tab/>
      </w:r>
      <w:r>
        <w:rPr>
          <w:sz w:val="18"/>
        </w:rPr>
        <w:tab/>
      </w:r>
      <w:r>
        <w:rPr>
          <w:sz w:val="18"/>
        </w:rPr>
        <w:tab/>
      </w:r>
      <w:r>
        <w:rPr>
          <w:sz w:val="18"/>
        </w:rPr>
        <w:tab/>
      </w:r>
      <w:r w:rsidR="0014091F" w:rsidRPr="001E0A23">
        <w:rPr>
          <w:sz w:val="18"/>
        </w:rPr>
        <w:t xml:space="preserve">(((vp[vp=?x,mod=false,neg=false,pos=4]/s[mod=false,pos=7])\np)\\(vp[vp=?x,pos=1]\np)) </w:t>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x\s.n !not (p x) (s);</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negation: transitive pos=1</w:t>
      </w:r>
    </w:p>
    <w:p w:rsidR="0014091F" w:rsidRPr="001E0A23" w:rsidRDefault="00170BF2" w:rsidP="0014091F">
      <w:pPr>
        <w:pStyle w:val="NoSpacing"/>
        <w:rPr>
          <w:sz w:val="18"/>
        </w:rPr>
      </w:pPr>
      <w:r>
        <w:rPr>
          <w:sz w:val="18"/>
        </w:rPr>
        <w:t>-me</w:t>
      </w:r>
      <w:r>
        <w:rPr>
          <w:sz w:val="18"/>
        </w:rPr>
        <w:tab/>
      </w:r>
      <w:r w:rsidR="0014091F" w:rsidRPr="001E0A23">
        <w:rPr>
          <w:sz w:val="18"/>
        </w:rPr>
        <w:t>c := (((vp[vp=?x,mod=true,neg=true,pos=3]\np)\np)\\((vp[vp=?x,pos=1]\np)\np))/*(((vp[vp=?x,mod=true,neg=false,pos=3]\np)\np)\\</w:t>
      </w:r>
      <w:r>
        <w:rPr>
          <w:sz w:val="18"/>
        </w:rPr>
        <w:t xml:space="preserve"> </w:t>
      </w:r>
      <w:r>
        <w:rPr>
          <w:sz w:val="18"/>
        </w:rPr>
        <w:tab/>
      </w:r>
      <w:r>
        <w:rPr>
          <w:sz w:val="18"/>
        </w:rPr>
        <w:tab/>
      </w:r>
      <w:r w:rsidR="0014091F" w:rsidRPr="001E0A23">
        <w:rPr>
          <w:sz w:val="18"/>
        </w:rPr>
        <w:t xml:space="preserve">((vp[vp=?x,pos=1]\np)\np)) </w:t>
      </w:r>
    </w:p>
    <w:p w:rsidR="0014091F" w:rsidRPr="001E0A23" w:rsidRDefault="0014091F" w:rsidP="0014091F">
      <w:pPr>
        <w:pStyle w:val="NoSpacing"/>
        <w:rPr>
          <w:sz w:val="18"/>
        </w:rPr>
      </w:pPr>
      <w:r w:rsidRPr="001E0A23">
        <w:rPr>
          <w:sz w:val="18"/>
        </w:rPr>
        <w:tab/>
      </w:r>
      <w:r w:rsidRPr="001E0A23">
        <w:rPr>
          <w:sz w:val="18"/>
        </w:rPr>
        <w:tab/>
        <w:t>: \n\p\y\x.n !not (p y x);</w:t>
      </w:r>
    </w:p>
    <w:p w:rsidR="00170BF2" w:rsidRDefault="00170BF2" w:rsidP="0014091F">
      <w:pPr>
        <w:pStyle w:val="NoSpacing"/>
        <w:rPr>
          <w:sz w:val="18"/>
        </w:rPr>
      </w:pPr>
      <w:r>
        <w:rPr>
          <w:sz w:val="18"/>
        </w:rPr>
        <w:t>-me</w:t>
      </w:r>
      <w:r>
        <w:rPr>
          <w:sz w:val="18"/>
        </w:rPr>
        <w:tab/>
      </w:r>
      <w:r w:rsidR="0014091F" w:rsidRPr="001E0A23">
        <w:rPr>
          <w:sz w:val="18"/>
        </w:rPr>
        <w:t>c := (((vp[vp=?x,mod=false,neg=true,pos=4]\np)\np)\\((vp[vp=?x,pos=1]\np)\np))/*</w:t>
      </w:r>
    </w:p>
    <w:p w:rsidR="0014091F" w:rsidRPr="001E0A23" w:rsidRDefault="00170BF2" w:rsidP="0014091F">
      <w:pPr>
        <w:pStyle w:val="NoSpacing"/>
        <w:rPr>
          <w:sz w:val="18"/>
        </w:rPr>
      </w:pPr>
      <w:r>
        <w:rPr>
          <w:sz w:val="18"/>
        </w:rPr>
        <w:tab/>
      </w:r>
      <w:r>
        <w:rPr>
          <w:sz w:val="18"/>
        </w:rPr>
        <w:tab/>
      </w:r>
      <w:r w:rsidR="0014091F" w:rsidRPr="001E0A23">
        <w:rPr>
          <w:sz w:val="18"/>
        </w:rPr>
        <w:t xml:space="preserve">(((vp[vp=?x,mod=false,neg=false,pos=4]\np)\np)\\((vp[vp=?x,pos=1]\np)\np)) </w:t>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y\x\w0\t0.!not (n p y x w0 t0);</w:t>
      </w:r>
    </w:p>
    <w:p w:rsidR="0014091F" w:rsidRPr="001E0A23" w:rsidRDefault="00170BF2" w:rsidP="0014091F">
      <w:pPr>
        <w:pStyle w:val="NoSpacing"/>
        <w:rPr>
          <w:sz w:val="18"/>
        </w:rPr>
      </w:pPr>
      <w:r>
        <w:rPr>
          <w:sz w:val="18"/>
        </w:rPr>
        <w:t>-me</w:t>
      </w:r>
      <w:r>
        <w:rPr>
          <w:sz w:val="18"/>
        </w:rPr>
        <w:tab/>
      </w:r>
      <w:r w:rsidR="0014091F" w:rsidRPr="001E0A23">
        <w:rPr>
          <w:sz w:val="18"/>
        </w:rPr>
        <w:t>c := (((vp[vp=?x,mod=true,neg=true,pos=4]\np)\np)\\((vp[vp=?x,pos=1]\np)\np))/*</w:t>
      </w:r>
      <w:r>
        <w:rPr>
          <w:sz w:val="18"/>
        </w:rPr>
        <w:t xml:space="preserve"> </w:t>
      </w:r>
      <w:r>
        <w:rPr>
          <w:sz w:val="18"/>
        </w:rPr>
        <w:tab/>
      </w:r>
      <w:r>
        <w:rPr>
          <w:sz w:val="18"/>
        </w:rPr>
        <w:tab/>
      </w:r>
      <w:r>
        <w:rPr>
          <w:sz w:val="18"/>
        </w:rPr>
        <w:tab/>
      </w:r>
      <w:r>
        <w:rPr>
          <w:sz w:val="18"/>
        </w:rPr>
        <w:tab/>
      </w:r>
      <w:r>
        <w:rPr>
          <w:sz w:val="18"/>
        </w:rPr>
        <w:tab/>
      </w:r>
      <w:r>
        <w:rPr>
          <w:sz w:val="18"/>
        </w:rPr>
        <w:tab/>
      </w:r>
      <w:r>
        <w:rPr>
          <w:sz w:val="18"/>
        </w:rPr>
        <w:tab/>
      </w:r>
      <w:r w:rsidR="0014091F" w:rsidRPr="001E0A23">
        <w:rPr>
          <w:sz w:val="18"/>
        </w:rPr>
        <w:t xml:space="preserve">(((vp[vp=?x,mod=true,neg=false,pos=4]\np)\np)\\((vp[vp=?x,pos=1]\np)\np)) </w:t>
      </w:r>
    </w:p>
    <w:p w:rsidR="0014091F" w:rsidRPr="001E0A23" w:rsidRDefault="0014091F" w:rsidP="0014091F">
      <w:pPr>
        <w:pStyle w:val="NoSpacing"/>
        <w:rPr>
          <w:sz w:val="18"/>
        </w:rPr>
      </w:pPr>
      <w:r w:rsidRPr="001E0A23">
        <w:rPr>
          <w:sz w:val="18"/>
        </w:rPr>
        <w:tab/>
      </w:r>
      <w:r w:rsidRPr="001E0A23">
        <w:rPr>
          <w:sz w:val="18"/>
        </w:rPr>
        <w:tab/>
        <w:t>: \n\p\y\x.n !not (p y x);</w:t>
      </w:r>
    </w:p>
    <w:p w:rsidR="0014091F" w:rsidRPr="001E0A23" w:rsidRDefault="00170BF2" w:rsidP="0014091F">
      <w:pPr>
        <w:pStyle w:val="NoSpacing"/>
        <w:rPr>
          <w:sz w:val="18"/>
        </w:rPr>
      </w:pPr>
      <w:r>
        <w:rPr>
          <w:sz w:val="18"/>
        </w:rPr>
        <w:t>-me</w:t>
      </w:r>
      <w:r>
        <w:rPr>
          <w:sz w:val="18"/>
        </w:rPr>
        <w:tab/>
      </w:r>
      <w:r w:rsidR="0014091F" w:rsidRPr="001E0A23">
        <w:rPr>
          <w:sz w:val="18"/>
        </w:rPr>
        <w:t>c := ((((vp[vp=?x,mod=false,neg=true,pos=4]/s[mod=false,pos=7])\np)\np)\\((vp[vp=?x,pos=1]\np)\np))/*</w:t>
      </w:r>
      <w:r w:rsidR="00592BAC">
        <w:rPr>
          <w:sz w:val="18"/>
        </w:rPr>
        <w:t xml:space="preserve"> </w:t>
      </w:r>
      <w:r w:rsidR="00592BAC">
        <w:rPr>
          <w:sz w:val="18"/>
        </w:rPr>
        <w:tab/>
      </w:r>
      <w:r w:rsidR="00592BAC">
        <w:rPr>
          <w:sz w:val="18"/>
        </w:rPr>
        <w:tab/>
      </w:r>
      <w:r w:rsidR="00592BAC">
        <w:rPr>
          <w:sz w:val="18"/>
        </w:rPr>
        <w:tab/>
      </w:r>
      <w:r w:rsidR="00592BAC">
        <w:rPr>
          <w:sz w:val="18"/>
        </w:rPr>
        <w:tab/>
      </w:r>
      <w:r w:rsidR="00592BAC">
        <w:rPr>
          <w:sz w:val="18"/>
        </w:rPr>
        <w:tab/>
      </w:r>
      <w:r w:rsidR="0014091F" w:rsidRPr="001E0A23">
        <w:rPr>
          <w:sz w:val="18"/>
        </w:rPr>
        <w:t>((((vp[vp=?x,mod=false,neg=false,pos=4]/s[mod=false,pos=7])\np)\np)\\((vp[vp=?x,pos=1]\np)\np))</w:t>
      </w:r>
      <w:r w:rsidR="0051166E" w:rsidRPr="001E0A23">
        <w:rPr>
          <w:sz w:val="18"/>
        </w:rPr>
        <w:t xml:space="preserve"> </w:t>
      </w:r>
    </w:p>
    <w:p w:rsidR="0014091F" w:rsidRPr="001E0A23" w:rsidRDefault="0014091F" w:rsidP="0014091F">
      <w:pPr>
        <w:pStyle w:val="NoSpacing"/>
        <w:rPr>
          <w:sz w:val="18"/>
        </w:rPr>
      </w:pPr>
      <w:r w:rsidRPr="001E0A23">
        <w:rPr>
          <w:sz w:val="18"/>
        </w:rPr>
        <w:tab/>
      </w:r>
      <w:r w:rsidRPr="001E0A23">
        <w:rPr>
          <w:sz w:val="18"/>
        </w:rPr>
        <w:tab/>
        <w:t>: \n\p\y\x\s.n !not (p y x) (s);</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negation: causative transitive pos=1</w:t>
      </w:r>
    </w:p>
    <w:p w:rsidR="0014091F" w:rsidRPr="001E0A23" w:rsidRDefault="00170BF2" w:rsidP="0014091F">
      <w:pPr>
        <w:pStyle w:val="NoSpacing"/>
        <w:rPr>
          <w:sz w:val="18"/>
        </w:rPr>
      </w:pPr>
      <w:r>
        <w:rPr>
          <w:sz w:val="18"/>
        </w:rPr>
        <w:t>-me</w:t>
      </w:r>
      <w:r>
        <w:rPr>
          <w:sz w:val="18"/>
        </w:rPr>
        <w:tab/>
      </w:r>
      <w:r w:rsidR="0014091F" w:rsidRPr="001E0A23">
        <w:rPr>
          <w:sz w:val="18"/>
        </w:rPr>
        <w:t>c := ((((vp[vp=?x,mod=true,neg=true,pos=3]\np)\np)\np)\\(((vp[vp=?x,pos=1]\np)\np)\np))/*</w:t>
      </w:r>
      <w:r w:rsidR="00592BAC">
        <w:rPr>
          <w:sz w:val="18"/>
        </w:rPr>
        <w:t xml:space="preserve"> </w:t>
      </w:r>
      <w:r w:rsidR="00592BAC">
        <w:rPr>
          <w:sz w:val="18"/>
        </w:rPr>
        <w:tab/>
      </w:r>
      <w:r w:rsidR="00592BAC">
        <w:rPr>
          <w:sz w:val="18"/>
        </w:rPr>
        <w:tab/>
      </w:r>
      <w:r w:rsidR="00592BAC">
        <w:rPr>
          <w:sz w:val="18"/>
        </w:rPr>
        <w:tab/>
      </w:r>
      <w:r w:rsidR="00592BAC">
        <w:rPr>
          <w:sz w:val="18"/>
        </w:rPr>
        <w:tab/>
      </w:r>
      <w:r w:rsidR="00592BAC">
        <w:rPr>
          <w:sz w:val="18"/>
        </w:rPr>
        <w:tab/>
      </w:r>
      <w:r w:rsidR="00592BAC">
        <w:rPr>
          <w:sz w:val="18"/>
        </w:rPr>
        <w:tab/>
      </w:r>
      <w:r w:rsidR="0014091F" w:rsidRPr="001E0A23">
        <w:rPr>
          <w:sz w:val="18"/>
        </w:rPr>
        <w:t xml:space="preserve">((((vp[vp=?x,mod=true,neg=false,pos=3]\np)\np)\np)\\(((vp[vp=?x,pos=1]\np)\np)\np)) </w:t>
      </w:r>
    </w:p>
    <w:p w:rsidR="0014091F" w:rsidRPr="001E0A23" w:rsidRDefault="0014091F" w:rsidP="0014091F">
      <w:pPr>
        <w:pStyle w:val="NoSpacing"/>
        <w:rPr>
          <w:sz w:val="18"/>
        </w:rPr>
      </w:pPr>
      <w:r w:rsidRPr="001E0A23">
        <w:rPr>
          <w:sz w:val="18"/>
        </w:rPr>
        <w:tab/>
      </w:r>
      <w:r w:rsidRPr="001E0A23">
        <w:rPr>
          <w:sz w:val="18"/>
        </w:rPr>
        <w:tab/>
        <w:t>: \n\p\z\y\x.n !not (p z y x);</w:t>
      </w:r>
    </w:p>
    <w:p w:rsidR="0014091F" w:rsidRPr="001E0A23" w:rsidRDefault="00592BAC" w:rsidP="0014091F">
      <w:pPr>
        <w:pStyle w:val="NoSpacing"/>
        <w:rPr>
          <w:sz w:val="18"/>
        </w:rPr>
      </w:pPr>
      <w:r>
        <w:rPr>
          <w:sz w:val="18"/>
        </w:rPr>
        <w:t>-me</w:t>
      </w:r>
      <w:r>
        <w:rPr>
          <w:sz w:val="18"/>
        </w:rPr>
        <w:tab/>
      </w:r>
      <w:r w:rsidR="0014091F" w:rsidRPr="001E0A23">
        <w:rPr>
          <w:sz w:val="18"/>
        </w:rPr>
        <w:t>c := ((((vp[vp=?x,mod=false,neg=true,pos=4]\np)\np)\np)\\(((vp[vp=?x,pos=1]\np)\np)\np))/*</w:t>
      </w:r>
      <w:r>
        <w:rPr>
          <w:sz w:val="18"/>
        </w:rPr>
        <w:t xml:space="preserve"> </w:t>
      </w:r>
      <w:r>
        <w:rPr>
          <w:sz w:val="18"/>
        </w:rPr>
        <w:tab/>
      </w:r>
      <w:r>
        <w:rPr>
          <w:sz w:val="18"/>
        </w:rPr>
        <w:tab/>
      </w:r>
      <w:r>
        <w:rPr>
          <w:sz w:val="18"/>
        </w:rPr>
        <w:tab/>
      </w:r>
      <w:r>
        <w:rPr>
          <w:sz w:val="18"/>
        </w:rPr>
        <w:tab/>
      </w:r>
      <w:r>
        <w:rPr>
          <w:sz w:val="18"/>
        </w:rPr>
        <w:tab/>
      </w:r>
      <w:r>
        <w:rPr>
          <w:sz w:val="18"/>
        </w:rPr>
        <w:tab/>
      </w:r>
      <w:r w:rsidR="0014091F" w:rsidRPr="001E0A23">
        <w:rPr>
          <w:sz w:val="18"/>
        </w:rPr>
        <w:t xml:space="preserve">((((vp[vp=?x,mod=false,neg=false,pos=4]\np)\np)\np)\\(((vp[vp=?x,pos=1]\np)\np)\np)) </w:t>
      </w:r>
    </w:p>
    <w:p w:rsidR="0014091F" w:rsidRPr="001E0A23" w:rsidRDefault="0014091F" w:rsidP="0014091F">
      <w:pPr>
        <w:pStyle w:val="NoSpacing"/>
        <w:rPr>
          <w:sz w:val="18"/>
        </w:rPr>
      </w:pPr>
      <w:r w:rsidRPr="001E0A23">
        <w:rPr>
          <w:sz w:val="18"/>
        </w:rPr>
        <w:tab/>
      </w:r>
      <w:r w:rsidRPr="001E0A23">
        <w:rPr>
          <w:sz w:val="18"/>
        </w:rPr>
        <w:tab/>
        <w:t>: \n\p\z\y\x\w0\t0.!not (n p z y x w0 t0);</w:t>
      </w:r>
    </w:p>
    <w:p w:rsidR="0014091F" w:rsidRPr="001E0A23" w:rsidRDefault="00592BAC" w:rsidP="0014091F">
      <w:pPr>
        <w:pStyle w:val="NoSpacing"/>
        <w:rPr>
          <w:sz w:val="18"/>
        </w:rPr>
      </w:pPr>
      <w:r>
        <w:rPr>
          <w:sz w:val="18"/>
        </w:rPr>
        <w:t>-me</w:t>
      </w:r>
      <w:r>
        <w:rPr>
          <w:sz w:val="18"/>
        </w:rPr>
        <w:tab/>
      </w:r>
      <w:r w:rsidR="0014091F" w:rsidRPr="001E0A23">
        <w:rPr>
          <w:sz w:val="18"/>
        </w:rPr>
        <w:t>c := ((((vp[vp=?x,mod=true,neg=true,pos=4]\np)\np)\np)\\(((vp[vp=?x,pos=1]\np)\np)\np))/*</w:t>
      </w:r>
      <w:r w:rsidR="005164FF">
        <w:rPr>
          <w:sz w:val="18"/>
        </w:rPr>
        <w:t xml:space="preserve"> </w:t>
      </w:r>
      <w:r w:rsidR="005164FF">
        <w:rPr>
          <w:sz w:val="18"/>
        </w:rPr>
        <w:tab/>
      </w:r>
      <w:r w:rsidR="005164FF">
        <w:rPr>
          <w:sz w:val="18"/>
        </w:rPr>
        <w:tab/>
      </w:r>
      <w:r w:rsidR="005164FF">
        <w:rPr>
          <w:sz w:val="18"/>
        </w:rPr>
        <w:tab/>
      </w:r>
      <w:r w:rsidR="005164FF">
        <w:rPr>
          <w:sz w:val="18"/>
        </w:rPr>
        <w:tab/>
      </w:r>
      <w:r w:rsidR="005164FF">
        <w:rPr>
          <w:sz w:val="18"/>
        </w:rPr>
        <w:tab/>
      </w:r>
      <w:r w:rsidR="005164FF">
        <w:rPr>
          <w:sz w:val="18"/>
        </w:rPr>
        <w:tab/>
      </w:r>
      <w:r w:rsidR="0014091F" w:rsidRPr="001E0A23">
        <w:rPr>
          <w:sz w:val="18"/>
        </w:rPr>
        <w:t xml:space="preserve">((((vp[vp=?x,mod=true,neg=false,pos=4]\np)\np)\np)\\(((vp[vp=?x,pos=1]\np)\np)\np)) </w:t>
      </w:r>
      <w:r w:rsidR="0014091F" w:rsidRPr="001E0A23">
        <w:rPr>
          <w:sz w:val="18"/>
        </w:rPr>
        <w:tab/>
      </w:r>
    </w:p>
    <w:p w:rsidR="0014091F" w:rsidRPr="001E0A23" w:rsidRDefault="0014091F" w:rsidP="0014091F">
      <w:pPr>
        <w:pStyle w:val="NoSpacing"/>
        <w:rPr>
          <w:sz w:val="18"/>
        </w:rPr>
      </w:pPr>
      <w:r w:rsidRPr="001E0A23">
        <w:rPr>
          <w:sz w:val="18"/>
        </w:rPr>
        <w:tab/>
      </w:r>
      <w:r w:rsidRPr="001E0A23">
        <w:rPr>
          <w:sz w:val="18"/>
        </w:rPr>
        <w:tab/>
        <w:t>: \n\p\z\y\x.n !not (p z y x);</w:t>
      </w:r>
    </w:p>
    <w:p w:rsidR="0014091F" w:rsidRPr="001E0A23" w:rsidRDefault="00592BAC" w:rsidP="0014091F">
      <w:pPr>
        <w:pStyle w:val="NoSpacing"/>
        <w:rPr>
          <w:sz w:val="18"/>
        </w:rPr>
      </w:pPr>
      <w:r>
        <w:rPr>
          <w:sz w:val="18"/>
        </w:rPr>
        <w:t>-me</w:t>
      </w:r>
      <w:r>
        <w:rPr>
          <w:sz w:val="18"/>
        </w:rPr>
        <w:tab/>
      </w:r>
      <w:r w:rsidR="0014091F" w:rsidRPr="001E0A23">
        <w:rPr>
          <w:sz w:val="18"/>
        </w:rPr>
        <w:t>c := (((((vp[vp=?x,mod=false,neg=true,pos=4]/s[mod=false,pos=7])\np)\np)\np)\\(((vp[vp=?x,pos=1]\np)\np)\np))/*</w:t>
      </w:r>
      <w:r w:rsidR="00420E51">
        <w:rPr>
          <w:sz w:val="18"/>
        </w:rPr>
        <w:t xml:space="preserve"> </w:t>
      </w:r>
      <w:r w:rsidR="00420E51">
        <w:rPr>
          <w:sz w:val="18"/>
        </w:rPr>
        <w:tab/>
      </w:r>
      <w:r w:rsidR="00420E51">
        <w:rPr>
          <w:sz w:val="18"/>
        </w:rPr>
        <w:tab/>
      </w:r>
      <w:r w:rsidR="00420E51">
        <w:rPr>
          <w:sz w:val="18"/>
        </w:rPr>
        <w:tab/>
      </w:r>
      <w:r w:rsidR="00420E51">
        <w:rPr>
          <w:sz w:val="18"/>
        </w:rPr>
        <w:tab/>
      </w:r>
      <w:r w:rsidR="0014091F" w:rsidRPr="001E0A23">
        <w:rPr>
          <w:sz w:val="18"/>
        </w:rPr>
        <w:t>(((((vp[vp=?x,mod=false,neg=false,pos=4]/s[mod=false,pos=7])\np)\np)\np)\\(((vp[vp=?x,pos=1]\np)\np)\np))</w:t>
      </w:r>
    </w:p>
    <w:p w:rsidR="0014091F" w:rsidRPr="001E0A23" w:rsidRDefault="0014091F" w:rsidP="0014091F">
      <w:pPr>
        <w:pStyle w:val="NoSpacing"/>
        <w:rPr>
          <w:sz w:val="18"/>
        </w:rPr>
      </w:pPr>
      <w:r w:rsidRPr="001E0A23">
        <w:rPr>
          <w:sz w:val="18"/>
        </w:rPr>
        <w:tab/>
      </w:r>
      <w:r w:rsidRPr="001E0A23">
        <w:rPr>
          <w:sz w:val="18"/>
        </w:rPr>
        <w:tab/>
        <w:t>: \n\p\z\y\x\s.n !not (p z y x) (s);</w:t>
      </w:r>
    </w:p>
    <w:p w:rsidR="0051166E" w:rsidRPr="001E0A23" w:rsidRDefault="0051166E" w:rsidP="0014091F">
      <w:pPr>
        <w:pStyle w:val="NoSpacing"/>
        <w:rPr>
          <w:sz w:val="18"/>
        </w:rPr>
      </w:pPr>
    </w:p>
    <w:p w:rsidR="0014091F" w:rsidRPr="001E0A23" w:rsidRDefault="0014091F" w:rsidP="0014091F">
      <w:pPr>
        <w:pStyle w:val="NoSpacing"/>
        <w:rPr>
          <w:sz w:val="18"/>
        </w:rPr>
      </w:pPr>
      <w:r w:rsidRPr="001E0A23">
        <w:rPr>
          <w:sz w:val="18"/>
        </w:rPr>
        <w:t>%%değil is incomplete</w:t>
      </w:r>
    </w:p>
    <w:p w:rsidR="0014091F" w:rsidRPr="001E0A23" w:rsidRDefault="0014091F" w:rsidP="0014091F">
      <w:pPr>
        <w:pStyle w:val="NoSpacing"/>
        <w:rPr>
          <w:sz w:val="18"/>
        </w:rPr>
      </w:pPr>
      <w:r w:rsidRPr="001E0A23">
        <w:rPr>
          <w:sz w:val="18"/>
        </w:rPr>
        <w:t>değil</w:t>
      </w:r>
      <w:r w:rsidRPr="001E0A23">
        <w:rPr>
          <w:sz w:val="18"/>
        </w:rPr>
        <w:tab/>
        <w:t>c := vp[vp=aux,mod=?x,pos=4]\*vp[mod=?x,pos=4] : \p\w0\t0.!not (p w0 t0);</w:t>
      </w:r>
    </w:p>
    <w:p w:rsidR="0014091F" w:rsidRPr="001E0A23" w:rsidRDefault="0014091F" w:rsidP="0014091F">
      <w:pPr>
        <w:pStyle w:val="NoSpacing"/>
        <w:rPr>
          <w:sz w:val="18"/>
        </w:rPr>
      </w:pPr>
      <w:r w:rsidRPr="001E0A23">
        <w:rPr>
          <w:sz w:val="18"/>
        </w:rPr>
        <w:t>değil</w:t>
      </w:r>
      <w:r w:rsidRPr="001E0A23">
        <w:rPr>
          <w:sz w:val="18"/>
        </w:rPr>
        <w:tab/>
        <w:t>c := (vp[vp=aux,mod=?x,pos=4]\np)\*(vp[mod=?x,pos=4]\np) : \p\x\w0\t0.!not (p x w0 t0);</w:t>
      </w:r>
    </w:p>
    <w:p w:rsidR="0014091F" w:rsidRPr="001E0A23" w:rsidRDefault="0014091F" w:rsidP="0014091F">
      <w:pPr>
        <w:pStyle w:val="NoSpacing"/>
        <w:rPr>
          <w:sz w:val="18"/>
        </w:rPr>
      </w:pPr>
      <w:r w:rsidRPr="001E0A23">
        <w:rPr>
          <w:sz w:val="18"/>
        </w:rPr>
        <w:t>değil</w:t>
      </w:r>
      <w:r w:rsidRPr="001E0A23">
        <w:rPr>
          <w:sz w:val="18"/>
        </w:rPr>
        <w:tab/>
        <w:t>c := ((vp[vp=aux,mod=?x,pos=4]\np)\np)\*((vp[mod=?x,pos=4]\np)\np) : \p\y\x\w0\t0.!not (p y x w0 t0);</w:t>
      </w:r>
    </w:p>
    <w:p w:rsidR="0014091F" w:rsidRPr="001E0A23" w:rsidRDefault="0014091F" w:rsidP="0014091F">
      <w:pPr>
        <w:pStyle w:val="NoSpacing"/>
        <w:rPr>
          <w:sz w:val="18"/>
        </w:rPr>
      </w:pPr>
      <w:r w:rsidRPr="001E0A23">
        <w:rPr>
          <w:sz w:val="18"/>
        </w:rPr>
        <w:t>değil</w:t>
      </w:r>
      <w:r w:rsidRPr="001E0A23">
        <w:rPr>
          <w:sz w:val="18"/>
        </w:rPr>
        <w:tab/>
        <w:t>c := (((vp[vp=aux,mod=?x,pos=4]\np)\np)\np)\*(((vp[mod=?x,pos=4]\np)\np)\np) : \p\z\y\x\w0\t0.!not (p z y x w0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position 2</w:t>
      </w:r>
    </w:p>
    <w:p w:rsidR="0014091F" w:rsidRPr="001E0A23" w:rsidRDefault="0014091F" w:rsidP="0014091F">
      <w:pPr>
        <w:pStyle w:val="NoSpacing"/>
        <w:rPr>
          <w:sz w:val="18"/>
        </w:rPr>
      </w:pPr>
      <w:r w:rsidRPr="001E0A23">
        <w:rPr>
          <w:sz w:val="18"/>
        </w:rPr>
        <w:t>%%probability</w:t>
      </w:r>
    </w:p>
    <w:p w:rsidR="0014091F" w:rsidRPr="001E0A23" w:rsidRDefault="0014091F" w:rsidP="0014091F">
      <w:pPr>
        <w:pStyle w:val="NoSpacing"/>
        <w:rPr>
          <w:sz w:val="18"/>
        </w:rPr>
      </w:pPr>
      <w:r w:rsidRPr="001E0A23">
        <w:rPr>
          <w:sz w:val="18"/>
        </w:rPr>
        <w:t xml:space="preserve">-ebil </w:t>
      </w:r>
      <w:r w:rsidRPr="001E0A23">
        <w:rPr>
          <w:sz w:val="18"/>
        </w:rPr>
        <w:tab/>
        <w:t>c := vp[vp=?x,mod=true,pos=3]\\vp[vp=?x,pos=0] : \p\w0\t0.!exists w_pos (!and (!possibility w0 w_pos) (p w_pos t0));</w:t>
      </w:r>
    </w:p>
    <w:p w:rsidR="0014091F" w:rsidRPr="001E0A23" w:rsidRDefault="0014091F" w:rsidP="0014091F">
      <w:pPr>
        <w:pStyle w:val="NoSpacing"/>
        <w:rPr>
          <w:sz w:val="18"/>
        </w:rPr>
      </w:pPr>
      <w:r w:rsidRPr="001E0A23">
        <w:rPr>
          <w:sz w:val="18"/>
        </w:rPr>
        <w:t xml:space="preserve">-ebil </w:t>
      </w:r>
      <w:r w:rsidRPr="001E0A23">
        <w:rPr>
          <w:sz w:val="18"/>
        </w:rPr>
        <w:tab/>
        <w:t>c := vp[vp=?x,mod=true,pos=3]\\vp[vp=?x,pos=1] : \p\w0\t0.!exists w_pos (!and (!possibility w0 w_pos) (p w_pos t0));</w:t>
      </w:r>
    </w:p>
    <w:p w:rsidR="0014091F" w:rsidRPr="001E0A23" w:rsidRDefault="0014091F" w:rsidP="0014091F">
      <w:pPr>
        <w:pStyle w:val="NoSpacing"/>
        <w:rPr>
          <w:sz w:val="18"/>
        </w:rPr>
      </w:pPr>
      <w:r w:rsidRPr="001E0A23">
        <w:rPr>
          <w:sz w:val="18"/>
        </w:rPr>
        <w:t xml:space="preserve">-ebil </w:t>
      </w:r>
      <w:r w:rsidRPr="001E0A23">
        <w:rPr>
          <w:sz w:val="18"/>
        </w:rPr>
        <w:tab/>
        <w:t>c := vp[vp=?x,mod=true,pos=3]\\vp[vp=?x,pos=2] : \p\w0\t0.!exists w_pos (!and (!possibility w0 w_pos) (p w_pos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ebil </w:t>
      </w:r>
      <w:r w:rsidRPr="001E0A23">
        <w:rPr>
          <w:sz w:val="18"/>
        </w:rPr>
        <w:tab/>
        <w:t>c := (vp[vp=?x,mod=true,pos=3]\np)\\(vp[vp=?x,pos=0]\np) : \p\x\w0\t0.!exists w_pos (!and (!possibility w0 w_pos) (p x w_pos t0));</w:t>
      </w:r>
    </w:p>
    <w:p w:rsidR="0014091F" w:rsidRPr="001E0A23" w:rsidRDefault="0014091F" w:rsidP="0014091F">
      <w:pPr>
        <w:pStyle w:val="NoSpacing"/>
        <w:rPr>
          <w:sz w:val="18"/>
        </w:rPr>
      </w:pPr>
      <w:r w:rsidRPr="001E0A23">
        <w:rPr>
          <w:sz w:val="18"/>
        </w:rPr>
        <w:t xml:space="preserve">-ebil </w:t>
      </w:r>
      <w:r w:rsidRPr="001E0A23">
        <w:rPr>
          <w:sz w:val="18"/>
        </w:rPr>
        <w:tab/>
        <w:t>c := (vp[vp=?x,mod=true,pos=3]\np)\\(vp[vp=?x,pos=1]\np) : \p\x\w0\t0.!exists w_pos (!and (!possibility w0 w_pos) (p x w_pos t0));</w:t>
      </w:r>
    </w:p>
    <w:p w:rsidR="0014091F" w:rsidRPr="001E0A23" w:rsidRDefault="0014091F" w:rsidP="0014091F">
      <w:pPr>
        <w:pStyle w:val="NoSpacing"/>
        <w:rPr>
          <w:sz w:val="18"/>
        </w:rPr>
      </w:pPr>
      <w:r w:rsidRPr="001E0A23">
        <w:rPr>
          <w:sz w:val="18"/>
        </w:rPr>
        <w:t xml:space="preserve">-ebil </w:t>
      </w:r>
      <w:r w:rsidRPr="001E0A23">
        <w:rPr>
          <w:sz w:val="18"/>
        </w:rPr>
        <w:tab/>
        <w:t>c := (vp[vp=?x,mod=true,pos=3]\np)\\(vp[vp=?x,pos=2]\np) : \p\x\w0\t0.!exists w_pos (!and (!possibility w0 w_pos) (p x w_pos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ebil </w:t>
      </w:r>
      <w:r w:rsidRPr="001E0A23">
        <w:rPr>
          <w:sz w:val="18"/>
        </w:rPr>
        <w:tab/>
        <w:t xml:space="preserve">c := ((vp[vp=?x,mod=true,pos=3]\np)\np)\\((vp[vp=?x,pos=0]\np)\np) </w:t>
      </w:r>
    </w:p>
    <w:p w:rsidR="0014091F" w:rsidRPr="001E0A23" w:rsidRDefault="0014091F" w:rsidP="0014091F">
      <w:pPr>
        <w:pStyle w:val="NoSpacing"/>
        <w:rPr>
          <w:sz w:val="18"/>
        </w:rPr>
      </w:pPr>
      <w:r w:rsidRPr="001E0A23">
        <w:rPr>
          <w:sz w:val="18"/>
        </w:rPr>
        <w:tab/>
      </w:r>
      <w:r w:rsidRPr="001E0A23">
        <w:rPr>
          <w:sz w:val="18"/>
        </w:rPr>
        <w:tab/>
        <w:t>: \p\y\x\w0\t0.!exists w_pos (!and (!possibility w0 w_pos) (p y x w_pos t0));</w:t>
      </w:r>
    </w:p>
    <w:p w:rsidR="0014091F" w:rsidRPr="001E0A23" w:rsidRDefault="0014091F" w:rsidP="0014091F">
      <w:pPr>
        <w:pStyle w:val="NoSpacing"/>
        <w:rPr>
          <w:sz w:val="18"/>
        </w:rPr>
      </w:pPr>
      <w:r w:rsidRPr="001E0A23">
        <w:rPr>
          <w:sz w:val="18"/>
        </w:rPr>
        <w:t xml:space="preserve">-ebil </w:t>
      </w:r>
      <w:r w:rsidRPr="001E0A23">
        <w:rPr>
          <w:sz w:val="18"/>
        </w:rPr>
        <w:tab/>
        <w:t xml:space="preserve">c := ((vp[vp=?x,mod=true,pos=3]\np)\np)\\((vp[vp=?x,pos=1]\np)\np) </w:t>
      </w:r>
    </w:p>
    <w:p w:rsidR="0014091F" w:rsidRPr="001E0A23" w:rsidRDefault="0014091F" w:rsidP="0014091F">
      <w:pPr>
        <w:pStyle w:val="NoSpacing"/>
        <w:rPr>
          <w:sz w:val="18"/>
        </w:rPr>
      </w:pPr>
      <w:r w:rsidRPr="001E0A23">
        <w:rPr>
          <w:sz w:val="18"/>
        </w:rPr>
        <w:tab/>
      </w:r>
      <w:r w:rsidRPr="001E0A23">
        <w:rPr>
          <w:sz w:val="18"/>
        </w:rPr>
        <w:tab/>
        <w:t>: \p\y\x\w0\t0.!exists w_pos (!and (!possibility w0 w_pos) (p y x w_pos t0));</w:t>
      </w:r>
    </w:p>
    <w:p w:rsidR="0014091F" w:rsidRPr="001E0A23" w:rsidRDefault="0014091F" w:rsidP="0014091F">
      <w:pPr>
        <w:pStyle w:val="NoSpacing"/>
        <w:rPr>
          <w:sz w:val="18"/>
        </w:rPr>
      </w:pPr>
      <w:r w:rsidRPr="001E0A23">
        <w:rPr>
          <w:sz w:val="18"/>
        </w:rPr>
        <w:t xml:space="preserve">-ebil </w:t>
      </w:r>
      <w:r w:rsidRPr="001E0A23">
        <w:rPr>
          <w:sz w:val="18"/>
        </w:rPr>
        <w:tab/>
        <w:t xml:space="preserve">c := ((vp[vp=?x,mod=true,pos=3]\np)\np)\\((vp[vp=?x,pos=2]\np)\np) </w:t>
      </w:r>
    </w:p>
    <w:p w:rsidR="0014091F" w:rsidRPr="001E0A23" w:rsidRDefault="0014091F" w:rsidP="0014091F">
      <w:pPr>
        <w:pStyle w:val="NoSpacing"/>
        <w:rPr>
          <w:sz w:val="18"/>
        </w:rPr>
      </w:pPr>
      <w:r w:rsidRPr="001E0A23">
        <w:rPr>
          <w:sz w:val="18"/>
        </w:rPr>
        <w:tab/>
      </w:r>
      <w:r w:rsidRPr="001E0A23">
        <w:rPr>
          <w:sz w:val="18"/>
        </w:rPr>
        <w:tab/>
        <w:t>: \p\y\x\w0\t0.!exists w_pos (!and (!possibility w0 w_pos) (p y x w_pos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ebil </w:t>
      </w:r>
      <w:r w:rsidRPr="001E0A23">
        <w:rPr>
          <w:sz w:val="18"/>
        </w:rPr>
        <w:tab/>
        <w:t xml:space="preserve">c := (((vp[vp=?x,mod=true,pos=3]\np)\np)\np)\\(((vp[vp=?x,pos=0]\np)\np)\np) </w:t>
      </w:r>
    </w:p>
    <w:p w:rsidR="0014091F" w:rsidRPr="001E0A23" w:rsidRDefault="0014091F" w:rsidP="0014091F">
      <w:pPr>
        <w:pStyle w:val="NoSpacing"/>
        <w:rPr>
          <w:sz w:val="18"/>
        </w:rPr>
      </w:pPr>
      <w:r w:rsidRPr="001E0A23">
        <w:rPr>
          <w:sz w:val="18"/>
        </w:rPr>
        <w:tab/>
      </w:r>
      <w:r w:rsidRPr="001E0A23">
        <w:rPr>
          <w:sz w:val="18"/>
        </w:rPr>
        <w:tab/>
        <w:t>: \p\z\y\x\w0\t0.!exists w_pos (!and (!possibility w0 w_pos) (p z y x w_pos t0));</w:t>
      </w:r>
    </w:p>
    <w:p w:rsidR="0014091F" w:rsidRPr="001E0A23" w:rsidRDefault="0014091F" w:rsidP="0014091F">
      <w:pPr>
        <w:pStyle w:val="NoSpacing"/>
        <w:rPr>
          <w:sz w:val="18"/>
        </w:rPr>
      </w:pPr>
      <w:r w:rsidRPr="001E0A23">
        <w:rPr>
          <w:sz w:val="18"/>
        </w:rPr>
        <w:t xml:space="preserve">-ebil </w:t>
      </w:r>
      <w:r w:rsidRPr="001E0A23">
        <w:rPr>
          <w:sz w:val="18"/>
        </w:rPr>
        <w:tab/>
        <w:t xml:space="preserve">c := (((vp[vp=?x,mod=true,pos=3]\np)\np)\np)\\(((vp[vp=?x,pos=1]\np)\np)\np) </w:t>
      </w:r>
    </w:p>
    <w:p w:rsidR="0014091F" w:rsidRPr="001E0A23" w:rsidRDefault="0014091F" w:rsidP="0014091F">
      <w:pPr>
        <w:pStyle w:val="NoSpacing"/>
        <w:rPr>
          <w:sz w:val="18"/>
        </w:rPr>
      </w:pPr>
      <w:r w:rsidRPr="001E0A23">
        <w:rPr>
          <w:sz w:val="18"/>
        </w:rPr>
        <w:tab/>
      </w:r>
      <w:r w:rsidRPr="001E0A23">
        <w:rPr>
          <w:sz w:val="18"/>
        </w:rPr>
        <w:tab/>
        <w:t>: \p\z\y\x\w0\t0.!exists w_pos (!and (!possibility w0 w_pos) (p z y x w_pos t0));</w:t>
      </w:r>
    </w:p>
    <w:p w:rsidR="0014091F" w:rsidRPr="001E0A23" w:rsidRDefault="0014091F" w:rsidP="0014091F">
      <w:pPr>
        <w:pStyle w:val="NoSpacing"/>
        <w:rPr>
          <w:sz w:val="18"/>
        </w:rPr>
      </w:pPr>
      <w:r w:rsidRPr="001E0A23">
        <w:rPr>
          <w:sz w:val="18"/>
        </w:rPr>
        <w:t xml:space="preserve">-ebil </w:t>
      </w:r>
      <w:r w:rsidRPr="001E0A23">
        <w:rPr>
          <w:sz w:val="18"/>
        </w:rPr>
        <w:tab/>
        <w:t xml:space="preserve">c := (((vp[vp=?x,mod=true,pos=3]\np)\np)\np)\\(((vp[vp=?x,pos=2]\np)\np)\np) </w:t>
      </w:r>
    </w:p>
    <w:p w:rsidR="0014091F" w:rsidRPr="001E0A23" w:rsidRDefault="0014091F" w:rsidP="0014091F">
      <w:pPr>
        <w:pStyle w:val="NoSpacing"/>
        <w:rPr>
          <w:sz w:val="18"/>
        </w:rPr>
      </w:pPr>
      <w:r w:rsidRPr="001E0A23">
        <w:rPr>
          <w:sz w:val="18"/>
        </w:rPr>
        <w:tab/>
      </w:r>
      <w:r w:rsidRPr="001E0A23">
        <w:rPr>
          <w:sz w:val="18"/>
        </w:rPr>
        <w:tab/>
        <w:t>: \p\z\y\x\w0\t0.!exists w_pos (!and (!possibility w0 w_pos) (p z y x w_pos t0));</w:t>
      </w:r>
    </w:p>
    <w:p w:rsidR="0014091F" w:rsidRPr="001E0A23" w:rsidRDefault="0014091F" w:rsidP="0014091F">
      <w:pPr>
        <w:pStyle w:val="NoSpacing"/>
        <w:rPr>
          <w:sz w:val="18"/>
        </w:rPr>
      </w:pPr>
      <w:r w:rsidRPr="001E0A23">
        <w:rPr>
          <w:sz w:val="18"/>
        </w:rPr>
        <w:t>%!ability,!probability,!phys_possibility,!deon_possibility,!epis_possibility</w:t>
      </w:r>
    </w:p>
    <w:p w:rsidR="0014091F" w:rsidRDefault="0014091F" w:rsidP="0014091F">
      <w:pPr>
        <w:pStyle w:val="NoSpacing"/>
        <w:rPr>
          <w:sz w:val="18"/>
        </w:rPr>
      </w:pPr>
    </w:p>
    <w:p w:rsidR="0059189D" w:rsidRPr="001E0A23" w:rsidRDefault="0059189D" w:rsidP="0014091F">
      <w:pPr>
        <w:pStyle w:val="NoSpacing"/>
        <w:rPr>
          <w:sz w:val="18"/>
        </w:rPr>
      </w:pPr>
    </w:p>
    <w:p w:rsidR="0014091F" w:rsidRPr="001E0A23" w:rsidRDefault="0014091F" w:rsidP="0014091F">
      <w:pPr>
        <w:pStyle w:val="NoSpacing"/>
        <w:rPr>
          <w:sz w:val="18"/>
        </w:rPr>
      </w:pPr>
      <w:r w:rsidRPr="001E0A23">
        <w:rPr>
          <w:sz w:val="18"/>
        </w:rPr>
        <w:lastRenderedPageBreak/>
        <w:t>%%complex verbs: non-premeditative, ...</w:t>
      </w:r>
    </w:p>
    <w:p w:rsidR="0014091F" w:rsidRPr="001E0A23" w:rsidRDefault="0014091F" w:rsidP="0014091F">
      <w:pPr>
        <w:pStyle w:val="NoSpacing"/>
        <w:rPr>
          <w:sz w:val="18"/>
        </w:rPr>
      </w:pPr>
      <w:r w:rsidRPr="001E0A23">
        <w:rPr>
          <w:sz w:val="18"/>
        </w:rPr>
        <w:t>%%not thoroughly tested</w:t>
      </w:r>
    </w:p>
    <w:p w:rsidR="0014091F" w:rsidRPr="001E0A23" w:rsidRDefault="0014091F" w:rsidP="0014091F">
      <w:pPr>
        <w:pStyle w:val="NoSpacing"/>
        <w:rPr>
          <w:sz w:val="18"/>
        </w:rPr>
      </w:pPr>
      <w:r w:rsidRPr="001E0A23">
        <w:rPr>
          <w:sz w:val="18"/>
        </w:rPr>
        <w:t xml:space="preserve">-iver </w:t>
      </w:r>
      <w:r w:rsidRPr="001E0A23">
        <w:rPr>
          <w:sz w:val="18"/>
        </w:rPr>
        <w:tab/>
        <w:t>c := vp[vp=?x,pos=3]\\vp[vp=?x,pos=0] : \p\t0.!and (p x t0) (!easy (p x t0));</w:t>
      </w:r>
    </w:p>
    <w:p w:rsidR="0014091F" w:rsidRPr="001E0A23" w:rsidRDefault="0014091F" w:rsidP="0014091F">
      <w:pPr>
        <w:pStyle w:val="NoSpacing"/>
        <w:rPr>
          <w:sz w:val="18"/>
        </w:rPr>
      </w:pPr>
      <w:r w:rsidRPr="001E0A23">
        <w:rPr>
          <w:sz w:val="18"/>
        </w:rPr>
        <w:t>-eyaz</w:t>
      </w:r>
      <w:r w:rsidRPr="001E0A23">
        <w:rPr>
          <w:sz w:val="18"/>
        </w:rPr>
        <w:tab/>
        <w:t>c := vp[vp=?x,pos=3]\\vp[vp=?x,pos=0] : \p\t0.!and (!not (p x t0)) (!close (p x t0));</w:t>
      </w:r>
    </w:p>
    <w:p w:rsidR="0014091F" w:rsidRPr="001E0A23" w:rsidRDefault="0014091F" w:rsidP="0014091F">
      <w:pPr>
        <w:pStyle w:val="NoSpacing"/>
        <w:rPr>
          <w:sz w:val="18"/>
        </w:rPr>
      </w:pPr>
      <w:r w:rsidRPr="001E0A23">
        <w:rPr>
          <w:sz w:val="18"/>
        </w:rPr>
        <w:t>-egel</w:t>
      </w:r>
      <w:r w:rsidRPr="001E0A23">
        <w:rPr>
          <w:sz w:val="18"/>
        </w:rPr>
        <w:tab/>
        <w:t>c := vp[vp=?x,pos=3]\\vp[vp=?x,pos=0] : \p\t0.!exists t3 (!and (!earlier t0 t3) (p x (t3 t0)));</w:t>
      </w:r>
    </w:p>
    <w:p w:rsidR="0014091F" w:rsidRPr="001E0A23" w:rsidRDefault="0014091F" w:rsidP="0014091F">
      <w:pPr>
        <w:pStyle w:val="NoSpacing"/>
        <w:rPr>
          <w:sz w:val="18"/>
        </w:rPr>
      </w:pPr>
      <w:r w:rsidRPr="001E0A23">
        <w:rPr>
          <w:sz w:val="18"/>
        </w:rPr>
        <w:t>-ekal</w:t>
      </w:r>
      <w:r w:rsidRPr="001E0A23">
        <w:rPr>
          <w:sz w:val="18"/>
        </w:rPr>
        <w:tab/>
        <w:t>c := vp[vp=?x,pos=3]\\vp[vp=?x,pos=0] : \p\t0.!exists t3 (!and (!earlier t0 t3) (p x (t3 t0)));</w:t>
      </w:r>
    </w:p>
    <w:p w:rsidR="0014091F" w:rsidRPr="001E0A23" w:rsidRDefault="0014091F" w:rsidP="0014091F">
      <w:pPr>
        <w:pStyle w:val="NoSpacing"/>
        <w:rPr>
          <w:sz w:val="18"/>
        </w:rPr>
      </w:pPr>
      <w:r w:rsidRPr="001E0A23">
        <w:rPr>
          <w:sz w:val="18"/>
        </w:rPr>
        <w:t>-edur</w:t>
      </w:r>
      <w:r w:rsidRPr="001E0A23">
        <w:rPr>
          <w:sz w:val="18"/>
        </w:rPr>
        <w:tab/>
        <w:t>c := vp[vp=?x,pos=3]\\vp[vp=?x,pos=0] : \p\t0.!exists t3 (!and (!earlier t3 t0) (p x (t0 t3)));</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iver </w:t>
      </w:r>
      <w:r w:rsidRPr="001E0A23">
        <w:rPr>
          <w:sz w:val="18"/>
        </w:rPr>
        <w:tab/>
        <w:t>c := (vp[vp=?x,pos=3]\np)\\(vp[vp=?x,pos=0]\np) : \p\x\t0.!and (p x t0) (!easy (p x t0));</w:t>
      </w:r>
    </w:p>
    <w:p w:rsidR="0014091F" w:rsidRPr="001E0A23" w:rsidRDefault="0014091F" w:rsidP="0014091F">
      <w:pPr>
        <w:pStyle w:val="NoSpacing"/>
        <w:rPr>
          <w:sz w:val="18"/>
        </w:rPr>
      </w:pPr>
      <w:r w:rsidRPr="001E0A23">
        <w:rPr>
          <w:sz w:val="18"/>
        </w:rPr>
        <w:t>-eyaz</w:t>
      </w:r>
      <w:r w:rsidRPr="001E0A23">
        <w:rPr>
          <w:sz w:val="18"/>
        </w:rPr>
        <w:tab/>
        <w:t>c := (vp[vp=?x,pos=3]\np)\\(vp[vp=?x,pos=0]\np) : \p\x\t0.!and (!not (p x t0)) (!close (p x t0));</w:t>
      </w:r>
    </w:p>
    <w:p w:rsidR="0014091F" w:rsidRPr="001E0A23" w:rsidRDefault="0014091F" w:rsidP="0014091F">
      <w:pPr>
        <w:pStyle w:val="NoSpacing"/>
        <w:rPr>
          <w:sz w:val="18"/>
        </w:rPr>
      </w:pPr>
      <w:r w:rsidRPr="001E0A23">
        <w:rPr>
          <w:sz w:val="18"/>
        </w:rPr>
        <w:t>-egel</w:t>
      </w:r>
      <w:r w:rsidRPr="001E0A23">
        <w:rPr>
          <w:sz w:val="18"/>
        </w:rPr>
        <w:tab/>
        <w:t>c := (vp[vp=?x,pos=3]\np)\\(vp[vp=?x,pos=0]\np) : \p\x\t0.!exists t3 (!and (!earlier t0 t3) (p x (t3 t0)));</w:t>
      </w:r>
    </w:p>
    <w:p w:rsidR="0014091F" w:rsidRPr="001E0A23" w:rsidRDefault="0014091F" w:rsidP="0014091F">
      <w:pPr>
        <w:pStyle w:val="NoSpacing"/>
        <w:rPr>
          <w:sz w:val="18"/>
        </w:rPr>
      </w:pPr>
      <w:r w:rsidRPr="001E0A23">
        <w:rPr>
          <w:sz w:val="18"/>
        </w:rPr>
        <w:t>-ekal</w:t>
      </w:r>
      <w:r w:rsidRPr="001E0A23">
        <w:rPr>
          <w:sz w:val="18"/>
        </w:rPr>
        <w:tab/>
        <w:t>c := (vp[vp=?x,pos=3]\np)\\(vp[vp=?x,pos=0]\np) : \p\x\t0.!exists t3 (!and (!earlier t0 t3) (p x (t3 t0)));</w:t>
      </w:r>
    </w:p>
    <w:p w:rsidR="0014091F" w:rsidRPr="001E0A23" w:rsidRDefault="0014091F" w:rsidP="0014091F">
      <w:pPr>
        <w:pStyle w:val="NoSpacing"/>
        <w:rPr>
          <w:sz w:val="18"/>
        </w:rPr>
      </w:pPr>
      <w:r w:rsidRPr="001E0A23">
        <w:rPr>
          <w:sz w:val="18"/>
        </w:rPr>
        <w:t>-edur</w:t>
      </w:r>
      <w:r w:rsidRPr="001E0A23">
        <w:rPr>
          <w:sz w:val="18"/>
        </w:rPr>
        <w:tab/>
        <w:t>c := (vp[vp=?x,pos=3]\np)\\(vp[vp=?x,pos=0]\np) : \p\x\t0.!exists t3 (!and (!earlier t3 t0) (p x (t0 t3)));</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iver </w:t>
      </w:r>
      <w:r w:rsidRPr="001E0A23">
        <w:rPr>
          <w:sz w:val="18"/>
        </w:rPr>
        <w:tab/>
        <w:t>c := ((vp[vp=?x,pos=3]\np)\np)\\((vp[vp=?x,pos=0]\np)\np) : \p\x\y\t0.!and (p x y t0) (!easy (p x y t0));</w:t>
      </w:r>
    </w:p>
    <w:p w:rsidR="0014091F" w:rsidRPr="001E0A23" w:rsidRDefault="0014091F" w:rsidP="0014091F">
      <w:pPr>
        <w:pStyle w:val="NoSpacing"/>
        <w:rPr>
          <w:sz w:val="18"/>
        </w:rPr>
      </w:pPr>
      <w:r w:rsidRPr="001E0A23">
        <w:rPr>
          <w:sz w:val="18"/>
        </w:rPr>
        <w:t>-eyaz</w:t>
      </w:r>
      <w:r w:rsidRPr="001E0A23">
        <w:rPr>
          <w:sz w:val="18"/>
        </w:rPr>
        <w:tab/>
        <w:t>c := ((vp[vp=?x,pos=3]\np)\np)\\((vp[vp=?x,pos=0]\np)\np) : \p\x\y\t0.!and (!not (p x y t0)) (!close (p x y t0));</w:t>
      </w:r>
    </w:p>
    <w:p w:rsidR="0014091F" w:rsidRPr="001E0A23" w:rsidRDefault="0014091F" w:rsidP="0014091F">
      <w:pPr>
        <w:pStyle w:val="NoSpacing"/>
        <w:rPr>
          <w:sz w:val="18"/>
        </w:rPr>
      </w:pPr>
      <w:r w:rsidRPr="001E0A23">
        <w:rPr>
          <w:sz w:val="18"/>
        </w:rPr>
        <w:t>-egel</w:t>
      </w:r>
      <w:r w:rsidRPr="001E0A23">
        <w:rPr>
          <w:sz w:val="18"/>
        </w:rPr>
        <w:tab/>
        <w:t>c := ((vp[vp=?x,pos=3]\np)\np)\\((vp[vp=?x,pos=0]\np)\np) : \p\x\y\t0.!exists t3 (!and (!earlier t0 t3) (p x y (t3 t0)));</w:t>
      </w:r>
    </w:p>
    <w:p w:rsidR="0014091F" w:rsidRPr="001E0A23" w:rsidRDefault="0014091F" w:rsidP="0014091F">
      <w:pPr>
        <w:pStyle w:val="NoSpacing"/>
        <w:rPr>
          <w:sz w:val="18"/>
        </w:rPr>
      </w:pPr>
      <w:r w:rsidRPr="001E0A23">
        <w:rPr>
          <w:sz w:val="18"/>
        </w:rPr>
        <w:t>-ekal</w:t>
      </w:r>
      <w:r w:rsidRPr="001E0A23">
        <w:rPr>
          <w:sz w:val="18"/>
        </w:rPr>
        <w:tab/>
        <w:t>c := ((vp[vp=?x,pos=3]\np)\np)\\((vp[vp=?x,pos=0]\np)\np) : \p\x\y\t0.!exists t3 (!and (!earlier t0 t3) (p x y (t3 t0)));</w:t>
      </w:r>
    </w:p>
    <w:p w:rsidR="0014091F" w:rsidRPr="001E0A23" w:rsidRDefault="0014091F" w:rsidP="0014091F">
      <w:pPr>
        <w:pStyle w:val="NoSpacing"/>
        <w:rPr>
          <w:sz w:val="18"/>
        </w:rPr>
      </w:pPr>
      <w:r w:rsidRPr="001E0A23">
        <w:rPr>
          <w:sz w:val="18"/>
        </w:rPr>
        <w:t>-edur</w:t>
      </w:r>
      <w:r w:rsidRPr="001E0A23">
        <w:rPr>
          <w:sz w:val="18"/>
        </w:rPr>
        <w:tab/>
        <w:t>c := ((vp[vp=?x,pos=3]\np)\np)\\((vp[vp=?x,pos=0]\np)\np) : \p\x\y\t0.!exists t3 (!and (!earlier t3 t0) (p x y (t0 t3)));</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iver </w:t>
      </w:r>
      <w:r w:rsidRPr="001E0A23">
        <w:rPr>
          <w:sz w:val="18"/>
        </w:rPr>
        <w:tab/>
        <w:t>c := vp[vp=?x,pos=3]\\vp[vp=?x,pos=1] : \p\t0.!and (p x t0) (!easy (p x t0));</w:t>
      </w:r>
    </w:p>
    <w:p w:rsidR="0014091F" w:rsidRPr="001E0A23" w:rsidRDefault="0014091F" w:rsidP="0014091F">
      <w:pPr>
        <w:pStyle w:val="NoSpacing"/>
        <w:rPr>
          <w:sz w:val="18"/>
        </w:rPr>
      </w:pPr>
      <w:r w:rsidRPr="001E0A23">
        <w:rPr>
          <w:sz w:val="18"/>
        </w:rPr>
        <w:t>-eyaz</w:t>
      </w:r>
      <w:r w:rsidRPr="001E0A23">
        <w:rPr>
          <w:sz w:val="18"/>
        </w:rPr>
        <w:tab/>
        <w:t>c := vp[vp=?x,pos=3]\\vp[vp=?x,pos=1] : \p\t0.!and (!not (p x t0)) (!close (p x t0));</w:t>
      </w:r>
    </w:p>
    <w:p w:rsidR="0014091F" w:rsidRPr="001E0A23" w:rsidRDefault="0014091F" w:rsidP="0014091F">
      <w:pPr>
        <w:pStyle w:val="NoSpacing"/>
        <w:rPr>
          <w:sz w:val="18"/>
        </w:rPr>
      </w:pPr>
      <w:r w:rsidRPr="001E0A23">
        <w:rPr>
          <w:sz w:val="18"/>
        </w:rPr>
        <w:t>-egel</w:t>
      </w:r>
      <w:r w:rsidRPr="001E0A23">
        <w:rPr>
          <w:sz w:val="18"/>
        </w:rPr>
        <w:tab/>
        <w:t>c := vp[vp=?x,pos=3]\\vp[vp=?x,pos=1] : \p\t0.!exists t3 (!and (!earlier t0 t3) (p x (t3 t0)));</w:t>
      </w:r>
    </w:p>
    <w:p w:rsidR="0014091F" w:rsidRPr="001E0A23" w:rsidRDefault="0014091F" w:rsidP="0014091F">
      <w:pPr>
        <w:pStyle w:val="NoSpacing"/>
        <w:rPr>
          <w:sz w:val="18"/>
        </w:rPr>
      </w:pPr>
      <w:r w:rsidRPr="001E0A23">
        <w:rPr>
          <w:sz w:val="18"/>
        </w:rPr>
        <w:t>-ekal</w:t>
      </w:r>
      <w:r w:rsidRPr="001E0A23">
        <w:rPr>
          <w:sz w:val="18"/>
        </w:rPr>
        <w:tab/>
        <w:t>c := vp[vp=?x,pos=3]\\vp[vp=?x,pos=1] : \p\t0.!exists t3 (!and (!earlier t0 t3) (p x (t3 t0)));</w:t>
      </w:r>
    </w:p>
    <w:p w:rsidR="0014091F" w:rsidRPr="001E0A23" w:rsidRDefault="0014091F" w:rsidP="0014091F">
      <w:pPr>
        <w:pStyle w:val="NoSpacing"/>
        <w:rPr>
          <w:sz w:val="18"/>
        </w:rPr>
      </w:pPr>
      <w:r w:rsidRPr="001E0A23">
        <w:rPr>
          <w:sz w:val="18"/>
        </w:rPr>
        <w:t>-edur</w:t>
      </w:r>
      <w:r w:rsidRPr="001E0A23">
        <w:rPr>
          <w:sz w:val="18"/>
        </w:rPr>
        <w:tab/>
        <w:t>c := vp[vp=?x,pos=3]\\vp[vp=?x,pos=1] : \p\t0.!exists t3 (!and (!earlier t3 t0) (p x (t0 t3)));</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iver </w:t>
      </w:r>
      <w:r w:rsidRPr="001E0A23">
        <w:rPr>
          <w:sz w:val="18"/>
        </w:rPr>
        <w:tab/>
        <w:t>c := (vp[vp=?x,pos=3]\np)\\(vp[vp=?x,pos=1]\np) : \p\x\t0.!and (p x t0) (!easy (p x t0));</w:t>
      </w:r>
    </w:p>
    <w:p w:rsidR="0014091F" w:rsidRPr="001E0A23" w:rsidRDefault="0014091F" w:rsidP="0014091F">
      <w:pPr>
        <w:pStyle w:val="NoSpacing"/>
        <w:rPr>
          <w:sz w:val="18"/>
        </w:rPr>
      </w:pPr>
      <w:r w:rsidRPr="001E0A23">
        <w:rPr>
          <w:sz w:val="18"/>
        </w:rPr>
        <w:t>-eyaz</w:t>
      </w:r>
      <w:r w:rsidRPr="001E0A23">
        <w:rPr>
          <w:sz w:val="18"/>
        </w:rPr>
        <w:tab/>
        <w:t>c := (vp[vp=?x,pos=3]\np)\\(vp[vp=?x,pos=1]\np) : \p\x\t0.!and (!not (p x t0)) (!close (p x t0));</w:t>
      </w:r>
    </w:p>
    <w:p w:rsidR="0014091F" w:rsidRPr="001E0A23" w:rsidRDefault="0014091F" w:rsidP="0014091F">
      <w:pPr>
        <w:pStyle w:val="NoSpacing"/>
        <w:rPr>
          <w:sz w:val="18"/>
        </w:rPr>
      </w:pPr>
      <w:r w:rsidRPr="001E0A23">
        <w:rPr>
          <w:sz w:val="18"/>
        </w:rPr>
        <w:t>-egel</w:t>
      </w:r>
      <w:r w:rsidRPr="001E0A23">
        <w:rPr>
          <w:sz w:val="18"/>
        </w:rPr>
        <w:tab/>
        <w:t>c := (vp[vp=?x,pos=3]\np)\\(vp[vp=?x,pos=1]\np) : \p\x\t0.!exists t3 (!and (!earlier t0 t3) (p x (t3 t0)));</w:t>
      </w:r>
    </w:p>
    <w:p w:rsidR="0014091F" w:rsidRPr="001E0A23" w:rsidRDefault="0014091F" w:rsidP="0014091F">
      <w:pPr>
        <w:pStyle w:val="NoSpacing"/>
        <w:rPr>
          <w:sz w:val="18"/>
        </w:rPr>
      </w:pPr>
      <w:r w:rsidRPr="001E0A23">
        <w:rPr>
          <w:sz w:val="18"/>
        </w:rPr>
        <w:t>-ekal</w:t>
      </w:r>
      <w:r w:rsidRPr="001E0A23">
        <w:rPr>
          <w:sz w:val="18"/>
        </w:rPr>
        <w:tab/>
        <w:t>c := (vp[vp=?x,pos=3]\np)\\(vp[vp=?x,pos=1]\np) : \p\x\t0.!exists t3 (!and (!earlier t0 t3) (p x (t3 t0)));</w:t>
      </w:r>
    </w:p>
    <w:p w:rsidR="0014091F" w:rsidRPr="001E0A23" w:rsidRDefault="0014091F" w:rsidP="0014091F">
      <w:pPr>
        <w:pStyle w:val="NoSpacing"/>
        <w:rPr>
          <w:sz w:val="18"/>
        </w:rPr>
      </w:pPr>
      <w:r w:rsidRPr="001E0A23">
        <w:rPr>
          <w:sz w:val="18"/>
        </w:rPr>
        <w:t>-edur</w:t>
      </w:r>
      <w:r w:rsidRPr="001E0A23">
        <w:rPr>
          <w:sz w:val="18"/>
        </w:rPr>
        <w:tab/>
        <w:t>c := (vp[vp=?x,pos=3]\np)\\(vp[vp=?x,pos=1]\np) : \p\x\t0.!exists t3 (!and (!earlier t3 t0) (p x (t0 t3)));</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iver </w:t>
      </w:r>
      <w:r w:rsidRPr="001E0A23">
        <w:rPr>
          <w:sz w:val="18"/>
        </w:rPr>
        <w:tab/>
        <w:t>c := ((vp[vp=?x,pos=3]\np)\np)\\((vp[vp=?x,pos=1]\np)\np) : \p\x\y\t0.!and (p x y t0) (!easy (p x y t0));</w:t>
      </w:r>
    </w:p>
    <w:p w:rsidR="0014091F" w:rsidRPr="001E0A23" w:rsidRDefault="0014091F" w:rsidP="0014091F">
      <w:pPr>
        <w:pStyle w:val="NoSpacing"/>
        <w:rPr>
          <w:sz w:val="18"/>
        </w:rPr>
      </w:pPr>
      <w:r w:rsidRPr="001E0A23">
        <w:rPr>
          <w:sz w:val="18"/>
        </w:rPr>
        <w:t>-eyaz</w:t>
      </w:r>
      <w:r w:rsidRPr="001E0A23">
        <w:rPr>
          <w:sz w:val="18"/>
        </w:rPr>
        <w:tab/>
        <w:t>c := ((vp[vp=?x,pos=3]\np)\np)\\((vp[vp=?x,pos=1]\np)\np) : \p\x\y\t0.!and (!not (p x y t0)) (!close (p x y t0));</w:t>
      </w:r>
    </w:p>
    <w:p w:rsidR="0014091F" w:rsidRPr="001E0A23" w:rsidRDefault="0014091F" w:rsidP="0014091F">
      <w:pPr>
        <w:pStyle w:val="NoSpacing"/>
        <w:rPr>
          <w:sz w:val="18"/>
        </w:rPr>
      </w:pPr>
      <w:r w:rsidRPr="001E0A23">
        <w:rPr>
          <w:sz w:val="18"/>
        </w:rPr>
        <w:t>-egel</w:t>
      </w:r>
      <w:r w:rsidRPr="001E0A23">
        <w:rPr>
          <w:sz w:val="18"/>
        </w:rPr>
        <w:tab/>
        <w:t>c := ((vp[vp=?x,pos=3]\np)\np)\\((vp[vp=?x,pos=1]\np)\np) : \p\x\y\t0.!exists t3 (!and (!earlier t0 t3) (p x y (t3 t0)));</w:t>
      </w:r>
    </w:p>
    <w:p w:rsidR="0014091F" w:rsidRPr="001E0A23" w:rsidRDefault="0014091F" w:rsidP="0014091F">
      <w:pPr>
        <w:pStyle w:val="NoSpacing"/>
        <w:rPr>
          <w:sz w:val="18"/>
        </w:rPr>
      </w:pPr>
      <w:r w:rsidRPr="001E0A23">
        <w:rPr>
          <w:sz w:val="18"/>
        </w:rPr>
        <w:t>-ekal</w:t>
      </w:r>
      <w:r w:rsidRPr="001E0A23">
        <w:rPr>
          <w:sz w:val="18"/>
        </w:rPr>
        <w:tab/>
        <w:t>c := ((vp[vp=?x,pos=3]\np)\np)\\((vp[vp=?x,pos=1]\np)\np) : \p\x\y\t0.!exists t3 (!and (!earlier t0 t3) (p x y (t3 t0)));</w:t>
      </w:r>
    </w:p>
    <w:p w:rsidR="0014091F" w:rsidRPr="001E0A23" w:rsidRDefault="0014091F" w:rsidP="0014091F">
      <w:pPr>
        <w:pStyle w:val="NoSpacing"/>
        <w:rPr>
          <w:sz w:val="18"/>
        </w:rPr>
      </w:pPr>
      <w:r w:rsidRPr="001E0A23">
        <w:rPr>
          <w:sz w:val="18"/>
        </w:rPr>
        <w:t>-edur</w:t>
      </w:r>
      <w:r w:rsidRPr="001E0A23">
        <w:rPr>
          <w:sz w:val="18"/>
        </w:rPr>
        <w:tab/>
        <w:t>c := ((vp[vp=?x,pos=3]\np)\np)\\((vp[vp=?x,pos=1]\np)\np) : \p\x\y\t0.!exists t3 (!and (!earlier t3 t0) (p x y (t0 t3)));</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iver </w:t>
      </w:r>
      <w:r w:rsidRPr="001E0A23">
        <w:rPr>
          <w:sz w:val="18"/>
        </w:rPr>
        <w:tab/>
        <w:t>c := vp[vp=?x,pos=3]\\vp[vp=?x,pos=2] : \p\t0.!and (p x t0) (!easy (p x t0));</w:t>
      </w:r>
    </w:p>
    <w:p w:rsidR="0014091F" w:rsidRPr="001E0A23" w:rsidRDefault="0014091F" w:rsidP="0014091F">
      <w:pPr>
        <w:pStyle w:val="NoSpacing"/>
        <w:rPr>
          <w:sz w:val="18"/>
        </w:rPr>
      </w:pPr>
      <w:r w:rsidRPr="001E0A23">
        <w:rPr>
          <w:sz w:val="18"/>
        </w:rPr>
        <w:t>-eyaz</w:t>
      </w:r>
      <w:r w:rsidRPr="001E0A23">
        <w:rPr>
          <w:sz w:val="18"/>
        </w:rPr>
        <w:tab/>
        <w:t>c := vp[vp=?x,pos=3]\\vp[vp=?x,pos=2] : \p\t0.!and (!not (p x t0)) (!close (p x t0));</w:t>
      </w:r>
    </w:p>
    <w:p w:rsidR="0014091F" w:rsidRPr="001E0A23" w:rsidRDefault="0014091F" w:rsidP="0014091F">
      <w:pPr>
        <w:pStyle w:val="NoSpacing"/>
        <w:rPr>
          <w:sz w:val="18"/>
        </w:rPr>
      </w:pPr>
      <w:r w:rsidRPr="001E0A23">
        <w:rPr>
          <w:sz w:val="18"/>
        </w:rPr>
        <w:t>-egel</w:t>
      </w:r>
      <w:r w:rsidRPr="001E0A23">
        <w:rPr>
          <w:sz w:val="18"/>
        </w:rPr>
        <w:tab/>
        <w:t>c := vp[vp=?x,pos=3]\\vp[vp=?x,pos=2] : \p\t0.!exists t3 (!and (!earlier t0 t3) (p x (t3 t0)));</w:t>
      </w:r>
    </w:p>
    <w:p w:rsidR="0014091F" w:rsidRPr="001E0A23" w:rsidRDefault="0014091F" w:rsidP="0014091F">
      <w:pPr>
        <w:pStyle w:val="NoSpacing"/>
        <w:rPr>
          <w:sz w:val="18"/>
        </w:rPr>
      </w:pPr>
      <w:r w:rsidRPr="001E0A23">
        <w:rPr>
          <w:sz w:val="18"/>
        </w:rPr>
        <w:t>-ekal</w:t>
      </w:r>
      <w:r w:rsidRPr="001E0A23">
        <w:rPr>
          <w:sz w:val="18"/>
        </w:rPr>
        <w:tab/>
        <w:t>c := vp[vp=?x,pos=3]\\vp[vp=?x,pos=2] : \p\t0.!exists t3 (!and (!earlier t0 t3) (p x (t3 t0)));</w:t>
      </w:r>
    </w:p>
    <w:p w:rsidR="0014091F" w:rsidRPr="001E0A23" w:rsidRDefault="0014091F" w:rsidP="0014091F">
      <w:pPr>
        <w:pStyle w:val="NoSpacing"/>
        <w:rPr>
          <w:sz w:val="18"/>
        </w:rPr>
      </w:pPr>
      <w:r w:rsidRPr="001E0A23">
        <w:rPr>
          <w:sz w:val="18"/>
        </w:rPr>
        <w:t>-edur</w:t>
      </w:r>
      <w:r w:rsidRPr="001E0A23">
        <w:rPr>
          <w:sz w:val="18"/>
        </w:rPr>
        <w:tab/>
        <w:t>c := vp[vp=?x,pos=3]\\vp[vp=?x,pos=2] : \p\t0.!exists t3 (!and (!earlier t3 t0) (p x (t0 t3)));</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iver </w:t>
      </w:r>
      <w:r w:rsidRPr="001E0A23">
        <w:rPr>
          <w:sz w:val="18"/>
        </w:rPr>
        <w:tab/>
        <w:t>c := (vp[vp=?x,pos=3]\np)\\(vp[vp=?x,pos=2]\np) : \p\x\t0.!and (p x t0) (!easy (p x t0));</w:t>
      </w:r>
    </w:p>
    <w:p w:rsidR="0014091F" w:rsidRPr="001E0A23" w:rsidRDefault="0014091F" w:rsidP="0014091F">
      <w:pPr>
        <w:pStyle w:val="NoSpacing"/>
        <w:rPr>
          <w:sz w:val="18"/>
        </w:rPr>
      </w:pPr>
      <w:r w:rsidRPr="001E0A23">
        <w:rPr>
          <w:sz w:val="18"/>
        </w:rPr>
        <w:t>-eyaz</w:t>
      </w:r>
      <w:r w:rsidRPr="001E0A23">
        <w:rPr>
          <w:sz w:val="18"/>
        </w:rPr>
        <w:tab/>
        <w:t>c := (vp[vp=?x,pos=3]\np)\\(vp[vp=?x,pos=2]\np) : \p\x\t0.!and (!not (p x t0)) (!close (p x t0));</w:t>
      </w:r>
    </w:p>
    <w:p w:rsidR="0014091F" w:rsidRPr="001E0A23" w:rsidRDefault="0014091F" w:rsidP="0014091F">
      <w:pPr>
        <w:pStyle w:val="NoSpacing"/>
        <w:rPr>
          <w:sz w:val="18"/>
        </w:rPr>
      </w:pPr>
      <w:r w:rsidRPr="001E0A23">
        <w:rPr>
          <w:sz w:val="18"/>
        </w:rPr>
        <w:t>-egel</w:t>
      </w:r>
      <w:r w:rsidRPr="001E0A23">
        <w:rPr>
          <w:sz w:val="18"/>
        </w:rPr>
        <w:tab/>
        <w:t>c := (vp[vp=?x,pos=3]\np)\\(vp[vp=?x,pos=2]\np) : \p\x\t0.!exists t3 (!and (!earlier t0 t3) (p x (t3 t0)));</w:t>
      </w:r>
    </w:p>
    <w:p w:rsidR="0014091F" w:rsidRPr="001E0A23" w:rsidRDefault="0014091F" w:rsidP="0014091F">
      <w:pPr>
        <w:pStyle w:val="NoSpacing"/>
        <w:rPr>
          <w:sz w:val="18"/>
        </w:rPr>
      </w:pPr>
      <w:r w:rsidRPr="001E0A23">
        <w:rPr>
          <w:sz w:val="18"/>
        </w:rPr>
        <w:t>-ekal</w:t>
      </w:r>
      <w:r w:rsidRPr="001E0A23">
        <w:rPr>
          <w:sz w:val="18"/>
        </w:rPr>
        <w:tab/>
        <w:t>c := (vp[vp=?x,pos=3]\np)\\(vp[vp=?x,pos=2]\np) : \p\x\t0.!exists t3 (!and (!earlier t0 t3) (p x (t3 t0)));</w:t>
      </w:r>
    </w:p>
    <w:p w:rsidR="0014091F" w:rsidRPr="001E0A23" w:rsidRDefault="0014091F" w:rsidP="0014091F">
      <w:pPr>
        <w:pStyle w:val="NoSpacing"/>
        <w:rPr>
          <w:sz w:val="18"/>
        </w:rPr>
      </w:pPr>
      <w:r w:rsidRPr="001E0A23">
        <w:rPr>
          <w:sz w:val="18"/>
        </w:rPr>
        <w:t>-edur</w:t>
      </w:r>
      <w:r w:rsidRPr="001E0A23">
        <w:rPr>
          <w:sz w:val="18"/>
        </w:rPr>
        <w:tab/>
        <w:t>c := (vp[vp=?x,pos=3]\np)\\(vp[vp=?x,pos=2]\np) : \p\x\t0.!exists t3 (!and (!earlier t3 t0) (p x (t0 t3)));</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iver </w:t>
      </w:r>
      <w:r w:rsidRPr="001E0A23">
        <w:rPr>
          <w:sz w:val="18"/>
        </w:rPr>
        <w:tab/>
        <w:t>c := ((vp[vp=?x,pos=3]\np)</w:t>
      </w:r>
      <w:r w:rsidR="00F836DB">
        <w:rPr>
          <w:sz w:val="18"/>
        </w:rPr>
        <w:t xml:space="preserve">\np)\\((vp[vp=?x,pos=2]\np)\np) </w:t>
      </w:r>
      <w:r w:rsidRPr="001E0A23">
        <w:rPr>
          <w:sz w:val="18"/>
        </w:rPr>
        <w:t>: \p\x\y\t0.!and (p x y t0) (!easy (p x y t0));</w:t>
      </w:r>
    </w:p>
    <w:p w:rsidR="0014091F" w:rsidRPr="001E0A23" w:rsidRDefault="0014091F" w:rsidP="0014091F">
      <w:pPr>
        <w:pStyle w:val="NoSpacing"/>
        <w:rPr>
          <w:sz w:val="18"/>
        </w:rPr>
      </w:pPr>
      <w:r w:rsidRPr="001E0A23">
        <w:rPr>
          <w:sz w:val="18"/>
        </w:rPr>
        <w:t>-eyaz</w:t>
      </w:r>
      <w:r w:rsidRPr="001E0A23">
        <w:rPr>
          <w:sz w:val="18"/>
        </w:rPr>
        <w:tab/>
        <w:t>c := ((vp[vp=?x,pos=3]\np)\np)\\((vp[vp=?x,pos=2]\np)\np) : \p\x\y\t0.!and (!not (p x y t0)) (!close (p x y t0));</w:t>
      </w:r>
    </w:p>
    <w:p w:rsidR="0014091F" w:rsidRPr="001E0A23" w:rsidRDefault="0014091F" w:rsidP="0014091F">
      <w:pPr>
        <w:pStyle w:val="NoSpacing"/>
        <w:rPr>
          <w:sz w:val="18"/>
        </w:rPr>
      </w:pPr>
      <w:r w:rsidRPr="001E0A23">
        <w:rPr>
          <w:sz w:val="18"/>
        </w:rPr>
        <w:t>-egel</w:t>
      </w:r>
      <w:r w:rsidRPr="001E0A23">
        <w:rPr>
          <w:sz w:val="18"/>
        </w:rPr>
        <w:tab/>
        <w:t>c := ((vp[vp=?x,pos=3]\np)\np)\\((vp[vp=?x,pos=2]\np)\np) : \p\x\y\t0.!exists t3 (!and (!earlier t0 t3) (p x y (t3 t0)));</w:t>
      </w:r>
    </w:p>
    <w:p w:rsidR="0014091F" w:rsidRPr="001E0A23" w:rsidRDefault="0014091F" w:rsidP="0014091F">
      <w:pPr>
        <w:pStyle w:val="NoSpacing"/>
        <w:rPr>
          <w:sz w:val="18"/>
        </w:rPr>
      </w:pPr>
      <w:r w:rsidRPr="001E0A23">
        <w:rPr>
          <w:sz w:val="18"/>
        </w:rPr>
        <w:t>-ekal</w:t>
      </w:r>
      <w:r w:rsidRPr="001E0A23">
        <w:rPr>
          <w:sz w:val="18"/>
        </w:rPr>
        <w:tab/>
        <w:t>c := ((vp[vp=?x,pos=3]\np)\np)\\((vp[vp=?x,pos=2]\np)\np) : \p\x\y\t0.!exists t3 (!and (!earlier t0 t3) (p x y (t3 t0)));</w:t>
      </w:r>
    </w:p>
    <w:p w:rsidR="0014091F" w:rsidRPr="001E0A23" w:rsidRDefault="0014091F" w:rsidP="0014091F">
      <w:pPr>
        <w:pStyle w:val="NoSpacing"/>
        <w:rPr>
          <w:sz w:val="18"/>
        </w:rPr>
      </w:pPr>
      <w:r w:rsidRPr="001E0A23">
        <w:rPr>
          <w:sz w:val="18"/>
        </w:rPr>
        <w:t>-edur</w:t>
      </w:r>
      <w:r w:rsidRPr="001E0A23">
        <w:rPr>
          <w:sz w:val="18"/>
        </w:rPr>
        <w:tab/>
        <w:t>c := ((vp[vp=?x,pos=3]\np)\np)\\((vp[vp=?x,pos=2]\np)\np) : \p\x\y\t0.!exists t3 (!and (!earlier t3 t0) (p x y (t0 t3)));</w:t>
      </w:r>
    </w:p>
    <w:p w:rsidR="00F836DB" w:rsidRPr="001E0A23" w:rsidRDefault="00F836DB" w:rsidP="0014091F">
      <w:pPr>
        <w:pStyle w:val="NoSpacing"/>
        <w:rPr>
          <w:sz w:val="18"/>
        </w:rPr>
      </w:pPr>
    </w:p>
    <w:p w:rsidR="0014091F" w:rsidRPr="001E0A23" w:rsidRDefault="0014091F" w:rsidP="0014091F">
      <w:pPr>
        <w:pStyle w:val="NoSpacing"/>
        <w:rPr>
          <w:sz w:val="18"/>
        </w:rPr>
      </w:pPr>
      <w:r w:rsidRPr="001E0A23">
        <w:rPr>
          <w:sz w:val="18"/>
        </w:rPr>
        <w:t>%%position 3</w:t>
      </w:r>
    </w:p>
    <w:p w:rsidR="0014091F" w:rsidRPr="001E0A23" w:rsidRDefault="0014091F" w:rsidP="0014091F">
      <w:pPr>
        <w:pStyle w:val="NoSpacing"/>
        <w:rPr>
          <w:sz w:val="18"/>
        </w:rPr>
      </w:pPr>
      <w:r w:rsidRPr="001E0A23">
        <w:rPr>
          <w:sz w:val="18"/>
        </w:rPr>
        <w:t>%%finite verbs obligatorily contain a suffix from position 3</w:t>
      </w:r>
    </w:p>
    <w:p w:rsidR="0014091F" w:rsidRPr="001E0A23" w:rsidRDefault="0014091F" w:rsidP="0014091F">
      <w:pPr>
        <w:pStyle w:val="NoSpacing"/>
        <w:rPr>
          <w:sz w:val="18"/>
        </w:rPr>
      </w:pPr>
      <w:r w:rsidRPr="001E0A23">
        <w:rPr>
          <w:sz w:val="18"/>
        </w:rPr>
        <w:t>%%simple aspects: perfective, perfective-evidential, imperfective, aorist, future</w:t>
      </w:r>
    </w:p>
    <w:p w:rsidR="0014091F" w:rsidRPr="001E0A23" w:rsidRDefault="0014091F" w:rsidP="0014091F">
      <w:pPr>
        <w:pStyle w:val="NoSpacing"/>
        <w:rPr>
          <w:sz w:val="18"/>
        </w:rPr>
      </w:pPr>
      <w:r w:rsidRPr="001E0A23">
        <w:rPr>
          <w:sz w:val="18"/>
        </w:rPr>
        <w:t>%%%simple aspects: passive intransitive pos=0 %aslında pos=0 gerek yok</w:t>
      </w:r>
    </w:p>
    <w:p w:rsidR="0014091F" w:rsidRPr="001E0A23" w:rsidRDefault="0014091F" w:rsidP="0014091F">
      <w:pPr>
        <w:pStyle w:val="NoSpacing"/>
        <w:rPr>
          <w:sz w:val="18"/>
        </w:rPr>
      </w:pPr>
      <w:r w:rsidRPr="001E0A23">
        <w:rPr>
          <w:sz w:val="18"/>
        </w:rPr>
        <w:t xml:space="preserve">-di </w:t>
      </w:r>
      <w:r w:rsidRPr="001E0A23">
        <w:rPr>
          <w:sz w:val="18"/>
        </w:rPr>
        <w:tab/>
        <w:t>c := vp[vp=?x,mod=false,pos=4]\\vp[vp=?x,pos=0]</w:t>
      </w:r>
    </w:p>
    <w:p w:rsidR="0014091F" w:rsidRPr="001E0A23" w:rsidRDefault="0014091F" w:rsidP="0014091F">
      <w:pPr>
        <w:pStyle w:val="NoSpacing"/>
        <w:rPr>
          <w:sz w:val="18"/>
        </w:rPr>
      </w:pPr>
      <w:r w:rsidRPr="001E0A23">
        <w:rPr>
          <w:sz w:val="18"/>
        </w:rPr>
        <w:tab/>
      </w:r>
      <w:r w:rsidRPr="001E0A23">
        <w:rPr>
          <w:sz w:val="18"/>
        </w:rPr>
        <w:tab/>
        <w:t>: \p\w0\t0.!exists t (!and (!earlier t0 t) (p w0 t) (!know (p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vp[vp=?x,pos=0] </w:t>
      </w:r>
    </w:p>
    <w:p w:rsidR="0014091F" w:rsidRPr="001E0A23" w:rsidRDefault="0014091F" w:rsidP="0014091F">
      <w:pPr>
        <w:pStyle w:val="NoSpacing"/>
        <w:rPr>
          <w:sz w:val="18"/>
        </w:rPr>
      </w:pPr>
      <w:r w:rsidRPr="001E0A23">
        <w:rPr>
          <w:sz w:val="18"/>
        </w:rPr>
        <w:tab/>
      </w:r>
      <w:r w:rsidRPr="001E0A23">
        <w:rPr>
          <w:sz w:val="18"/>
        </w:rPr>
        <w:tab/>
        <w:t>: \p\w0\t0.!exists t (!and (!earlier t0 t) (p w0 t) (!not (!know (p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vp[vp=?x,pos=0] </w:t>
      </w:r>
    </w:p>
    <w:p w:rsidR="0014091F" w:rsidRPr="001E0A23" w:rsidRDefault="0014091F" w:rsidP="0014091F">
      <w:pPr>
        <w:pStyle w:val="NoSpacing"/>
        <w:rPr>
          <w:sz w:val="18"/>
        </w:rPr>
      </w:pPr>
      <w:r w:rsidRPr="001E0A23">
        <w:rPr>
          <w:sz w:val="18"/>
        </w:rPr>
        <w:tab/>
      </w:r>
      <w:r w:rsidRPr="001E0A23">
        <w:rPr>
          <w:sz w:val="18"/>
        </w:rPr>
        <w:tab/>
        <w:t>: \p\w0\t0.!exists t1 !exists t2 (!and (!earlier t0 t1) (!earlier t2 t0) (p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vp[vp=?x,pos=0] </w:t>
      </w:r>
    </w:p>
    <w:p w:rsidR="0014091F" w:rsidRPr="001E0A23" w:rsidRDefault="0014091F" w:rsidP="0014091F">
      <w:pPr>
        <w:pStyle w:val="NoSpacing"/>
        <w:rPr>
          <w:sz w:val="18"/>
        </w:rPr>
      </w:pPr>
      <w:r w:rsidRPr="001E0A23">
        <w:rPr>
          <w:sz w:val="18"/>
        </w:rPr>
        <w:tab/>
      </w:r>
      <w:r w:rsidRPr="001E0A23">
        <w:rPr>
          <w:sz w:val="18"/>
        </w:rPr>
        <w:tab/>
        <w:t>: \p\w0\t0.!exists t1 !exists t2 (!and (!earlier t0 t1) (!earlier t2 t0) (p w0 (t1 t2)));</w:t>
      </w:r>
    </w:p>
    <w:p w:rsidR="00771A7A" w:rsidRPr="001E0A23" w:rsidRDefault="0014091F" w:rsidP="0014091F">
      <w:pPr>
        <w:pStyle w:val="NoSpacing"/>
        <w:rPr>
          <w:sz w:val="18"/>
        </w:rPr>
      </w:pPr>
      <w:r w:rsidRPr="001E0A23">
        <w:rPr>
          <w:sz w:val="18"/>
        </w:rPr>
        <w:t xml:space="preserve">-ir </w:t>
      </w:r>
      <w:r w:rsidRPr="001E0A23">
        <w:rPr>
          <w:sz w:val="18"/>
        </w:rPr>
        <w:tab/>
        <w:t xml:space="preserve">c := vp[vp=?x,mod=false,pos=4]\\vp[vp=?x,pos=0] </w:t>
      </w:r>
    </w:p>
    <w:p w:rsidR="0014091F" w:rsidRPr="001E0A23" w:rsidRDefault="00771A7A" w:rsidP="0014091F">
      <w:pPr>
        <w:pStyle w:val="NoSpacing"/>
        <w:rPr>
          <w:sz w:val="18"/>
        </w:rPr>
      </w:pPr>
      <w:r w:rsidRPr="001E0A23">
        <w:rPr>
          <w:sz w:val="18"/>
        </w:rPr>
        <w:tab/>
      </w:r>
      <w:r w:rsidRPr="001E0A23">
        <w:rPr>
          <w:sz w:val="18"/>
        </w:rPr>
        <w:tab/>
      </w:r>
      <w:r w:rsidR="0014091F" w:rsidRPr="001E0A23">
        <w:rPr>
          <w:sz w:val="18"/>
        </w:rPr>
        <w:t>: \p\w0\t0.!exists t (p w0 t);</w:t>
      </w:r>
    </w:p>
    <w:p w:rsidR="00771A7A" w:rsidRPr="001E0A23" w:rsidRDefault="00771A7A" w:rsidP="0014091F">
      <w:pPr>
        <w:pStyle w:val="NoSpacing"/>
        <w:rPr>
          <w:sz w:val="18"/>
        </w:rPr>
      </w:pPr>
      <w:r w:rsidRPr="001E0A23">
        <w:rPr>
          <w:sz w:val="18"/>
        </w:rPr>
        <w:lastRenderedPageBreak/>
        <w:t xml:space="preserve">-z </w:t>
      </w:r>
      <w:r w:rsidRPr="001E0A23">
        <w:rPr>
          <w:sz w:val="18"/>
        </w:rPr>
        <w:tab/>
      </w:r>
      <w:r w:rsidR="0014091F" w:rsidRPr="001E0A23">
        <w:rPr>
          <w:sz w:val="18"/>
        </w:rPr>
        <w:t xml:space="preserve">c := vp[vp=?x,mod=false,pos=4]\\vp[vp=?x,pos=0] </w:t>
      </w:r>
    </w:p>
    <w:p w:rsidR="0014091F" w:rsidRPr="001E0A23" w:rsidRDefault="00771A7A" w:rsidP="0014091F">
      <w:pPr>
        <w:pStyle w:val="NoSpacing"/>
        <w:rPr>
          <w:sz w:val="18"/>
        </w:rPr>
      </w:pPr>
      <w:r w:rsidRPr="001E0A23">
        <w:rPr>
          <w:sz w:val="18"/>
        </w:rPr>
        <w:tab/>
      </w:r>
      <w:r w:rsidRPr="001E0A23">
        <w:rPr>
          <w:sz w:val="18"/>
        </w:rPr>
        <w:tab/>
      </w:r>
      <w:r w:rsidR="0014091F" w:rsidRPr="001E0A23">
        <w:rPr>
          <w:sz w:val="18"/>
        </w:rPr>
        <w:t>: \p\w0\t0.!exists t (p w0 t);</w:t>
      </w:r>
    </w:p>
    <w:p w:rsidR="00771A7A" w:rsidRPr="001E0A23" w:rsidRDefault="0014091F" w:rsidP="0014091F">
      <w:pPr>
        <w:pStyle w:val="NoSpacing"/>
        <w:rPr>
          <w:sz w:val="18"/>
        </w:rPr>
      </w:pPr>
      <w:r w:rsidRPr="001E0A23">
        <w:rPr>
          <w:sz w:val="18"/>
        </w:rPr>
        <w:t xml:space="preserve">-ecek </w:t>
      </w:r>
      <w:r w:rsidRPr="001E0A23">
        <w:rPr>
          <w:sz w:val="18"/>
        </w:rPr>
        <w:tab/>
        <w:t xml:space="preserve">c := vp[vp=?x,mod=false,pos=4]\\vp[vp=?x,pos=0] </w:t>
      </w:r>
    </w:p>
    <w:p w:rsidR="0014091F" w:rsidRPr="001E0A23" w:rsidRDefault="00771A7A" w:rsidP="0014091F">
      <w:pPr>
        <w:pStyle w:val="NoSpacing"/>
        <w:rPr>
          <w:sz w:val="18"/>
        </w:rPr>
      </w:pPr>
      <w:r w:rsidRPr="001E0A23">
        <w:rPr>
          <w:sz w:val="18"/>
        </w:rPr>
        <w:tab/>
      </w:r>
      <w:r w:rsidRPr="001E0A23">
        <w:rPr>
          <w:sz w:val="18"/>
        </w:rPr>
        <w:tab/>
      </w:r>
      <w:r w:rsidR="0014091F" w:rsidRPr="001E0A23">
        <w:rPr>
          <w:sz w:val="18"/>
        </w:rPr>
        <w:t>: \p\w0\t0.!exists t (!and (!earlier t t0) (p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intransitive pos=0</w:t>
      </w:r>
    </w:p>
    <w:p w:rsidR="0014091F" w:rsidRPr="001E0A23" w:rsidRDefault="0014091F" w:rsidP="0014091F">
      <w:pPr>
        <w:pStyle w:val="NoSpacing"/>
        <w:rPr>
          <w:sz w:val="18"/>
        </w:rPr>
      </w:pPr>
      <w:r w:rsidRPr="001E0A23">
        <w:rPr>
          <w:sz w:val="18"/>
        </w:rPr>
        <w:t xml:space="preserve">-di </w:t>
      </w:r>
      <w:r w:rsidRPr="001E0A23">
        <w:rPr>
          <w:sz w:val="18"/>
        </w:rPr>
        <w:tab/>
        <w:t>c := (vp[vp=?x,mod=false,pos=4]\np)\\(vp[vp=?x,pos=0]\np)</w:t>
      </w:r>
    </w:p>
    <w:p w:rsidR="0014091F" w:rsidRPr="001E0A23" w:rsidRDefault="0014091F" w:rsidP="0014091F">
      <w:pPr>
        <w:pStyle w:val="NoSpacing"/>
        <w:rPr>
          <w:sz w:val="18"/>
        </w:rPr>
      </w:pPr>
      <w:r w:rsidRPr="001E0A23">
        <w:rPr>
          <w:sz w:val="18"/>
        </w:rPr>
        <w:tab/>
      </w:r>
      <w:r w:rsidRPr="001E0A23">
        <w:rPr>
          <w:sz w:val="18"/>
        </w:rPr>
        <w:tab/>
        <w:t>: \p\x\w0\t0.!exists t (!and (!earlier t0 t) (p x w0 t) (!know (p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vp[vp=?x,pos=0]\np) </w:t>
      </w:r>
    </w:p>
    <w:p w:rsidR="0014091F" w:rsidRPr="001E0A23" w:rsidRDefault="0014091F" w:rsidP="0014091F">
      <w:pPr>
        <w:pStyle w:val="NoSpacing"/>
        <w:rPr>
          <w:sz w:val="18"/>
        </w:rPr>
      </w:pPr>
      <w:r w:rsidRPr="001E0A23">
        <w:rPr>
          <w:sz w:val="18"/>
        </w:rPr>
        <w:tab/>
      </w:r>
      <w:r w:rsidRPr="001E0A23">
        <w:rPr>
          <w:sz w:val="18"/>
        </w:rPr>
        <w:tab/>
        <w:t>: \p\x\w0\t0.!exists t (!and (!earlier t0 t) (p x w0 t) (!not (!know (p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vp[vp=?x,pos=0]\np) </w:t>
      </w:r>
    </w:p>
    <w:p w:rsidR="0014091F" w:rsidRPr="001E0A23" w:rsidRDefault="0014091F" w:rsidP="0014091F">
      <w:pPr>
        <w:pStyle w:val="NoSpacing"/>
        <w:rPr>
          <w:sz w:val="18"/>
        </w:rPr>
      </w:pPr>
      <w:r w:rsidRPr="001E0A23">
        <w:rPr>
          <w:sz w:val="18"/>
        </w:rPr>
        <w:tab/>
      </w:r>
      <w:r w:rsidRPr="001E0A23">
        <w:rPr>
          <w:sz w:val="18"/>
        </w:rPr>
        <w:tab/>
        <w:t>: \p\x\w0\t0.!exists t1 !exists t2 (!and (!earlier t0 t1) (!earlier t2 t0) (p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vp[vp=?x,pos=0]\np) </w:t>
      </w:r>
    </w:p>
    <w:p w:rsidR="0014091F" w:rsidRPr="001E0A23" w:rsidRDefault="0014091F" w:rsidP="0014091F">
      <w:pPr>
        <w:pStyle w:val="NoSpacing"/>
        <w:rPr>
          <w:sz w:val="18"/>
        </w:rPr>
      </w:pPr>
      <w:r w:rsidRPr="001E0A23">
        <w:rPr>
          <w:sz w:val="18"/>
        </w:rPr>
        <w:tab/>
      </w:r>
      <w:r w:rsidRPr="001E0A23">
        <w:rPr>
          <w:sz w:val="18"/>
        </w:rPr>
        <w:tab/>
        <w:t>: \p\x\w0\t0.!exists t1 !exists t2 (!and (!earlier t0 t1) (!earlier t2 t0) (p x w0 (t1 t2)));</w:t>
      </w:r>
    </w:p>
    <w:p w:rsidR="005F6269" w:rsidRDefault="0014091F" w:rsidP="0014091F">
      <w:pPr>
        <w:pStyle w:val="NoSpacing"/>
        <w:rPr>
          <w:sz w:val="18"/>
        </w:rPr>
      </w:pPr>
      <w:r w:rsidRPr="001E0A23">
        <w:rPr>
          <w:sz w:val="18"/>
        </w:rPr>
        <w:t xml:space="preserve">-ir </w:t>
      </w:r>
      <w:r w:rsidRPr="001E0A23">
        <w:rPr>
          <w:sz w:val="18"/>
        </w:rPr>
        <w:tab/>
        <w:t xml:space="preserve">c := (vp[vp=?x,mod=false,pos=4]\np)\\(vp[vp=?x,pos=0]\np) </w:t>
      </w:r>
    </w:p>
    <w:p w:rsidR="0014091F" w:rsidRPr="001E0A23" w:rsidRDefault="005F6269" w:rsidP="0014091F">
      <w:pPr>
        <w:pStyle w:val="NoSpacing"/>
        <w:rPr>
          <w:sz w:val="18"/>
        </w:rPr>
      </w:pPr>
      <w:r>
        <w:rPr>
          <w:sz w:val="18"/>
        </w:rPr>
        <w:tab/>
      </w:r>
      <w:r>
        <w:rPr>
          <w:sz w:val="18"/>
        </w:rPr>
        <w:tab/>
      </w:r>
      <w:r w:rsidR="0014091F" w:rsidRPr="001E0A23">
        <w:rPr>
          <w:sz w:val="18"/>
        </w:rPr>
        <w:t>: \p\x\w0\t0.!exists t (p x w0 t);</w:t>
      </w:r>
    </w:p>
    <w:p w:rsidR="005F6269" w:rsidRDefault="00A678E2"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np)\\(vp[vp=?x,pos=0]\np) </w:t>
      </w:r>
    </w:p>
    <w:p w:rsidR="0014091F" w:rsidRPr="001E0A23" w:rsidRDefault="005F6269" w:rsidP="0014091F">
      <w:pPr>
        <w:pStyle w:val="NoSpacing"/>
        <w:rPr>
          <w:sz w:val="18"/>
        </w:rPr>
      </w:pPr>
      <w:r>
        <w:rPr>
          <w:sz w:val="18"/>
        </w:rPr>
        <w:tab/>
      </w:r>
      <w:r>
        <w:rPr>
          <w:sz w:val="18"/>
        </w:rPr>
        <w:tab/>
      </w:r>
      <w:r w:rsidR="0014091F" w:rsidRPr="001E0A23">
        <w:rPr>
          <w:sz w:val="18"/>
        </w:rPr>
        <w:t>: \p\x\w0\t0.!exists t (p x w0 t);</w:t>
      </w:r>
    </w:p>
    <w:p w:rsidR="005F6269" w:rsidRDefault="0014091F" w:rsidP="0014091F">
      <w:pPr>
        <w:pStyle w:val="NoSpacing"/>
        <w:rPr>
          <w:sz w:val="18"/>
        </w:rPr>
      </w:pPr>
      <w:r w:rsidRPr="001E0A23">
        <w:rPr>
          <w:sz w:val="18"/>
        </w:rPr>
        <w:t xml:space="preserve">-ecek </w:t>
      </w:r>
      <w:r w:rsidRPr="001E0A23">
        <w:rPr>
          <w:sz w:val="18"/>
        </w:rPr>
        <w:tab/>
        <w:t>c := (vp[vp=?x,mod=false,pos=4]\np)\\(vp[vp=?x,pos=0]\np)</w:t>
      </w:r>
    </w:p>
    <w:p w:rsidR="0014091F" w:rsidRPr="001E0A23" w:rsidRDefault="005F6269" w:rsidP="0014091F">
      <w:pPr>
        <w:pStyle w:val="NoSpacing"/>
        <w:rPr>
          <w:sz w:val="18"/>
        </w:rPr>
      </w:pPr>
      <w:r>
        <w:rPr>
          <w:sz w:val="18"/>
        </w:rPr>
        <w:tab/>
      </w:r>
      <w:r>
        <w:rPr>
          <w:sz w:val="18"/>
        </w:rPr>
        <w:tab/>
      </w:r>
      <w:r w:rsidR="0014091F" w:rsidRPr="001E0A23">
        <w:rPr>
          <w:sz w:val="18"/>
        </w:rPr>
        <w:t xml:space="preserve"> : \p\x\w0\t0.!exists t (!and (!earlier t t0) (p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transitive pos=0</w:t>
      </w:r>
    </w:p>
    <w:p w:rsidR="0014091F" w:rsidRPr="001E0A23" w:rsidRDefault="0014091F" w:rsidP="0014091F">
      <w:pPr>
        <w:pStyle w:val="NoSpacing"/>
        <w:rPr>
          <w:sz w:val="18"/>
        </w:rPr>
      </w:pPr>
      <w:r w:rsidRPr="001E0A23">
        <w:rPr>
          <w:sz w:val="18"/>
        </w:rPr>
        <w:t xml:space="preserve">-di </w:t>
      </w:r>
      <w:r w:rsidRPr="001E0A23">
        <w:rPr>
          <w:sz w:val="18"/>
        </w:rPr>
        <w:tab/>
        <w:t xml:space="preserve">c := ((vp[vp=?x,mod=false,pos=4]\np)\np)\\((vp[vp=?x,pos=0]\np)\np) </w:t>
      </w:r>
    </w:p>
    <w:p w:rsidR="0014091F" w:rsidRPr="001E0A23" w:rsidRDefault="0014091F" w:rsidP="0014091F">
      <w:pPr>
        <w:pStyle w:val="NoSpacing"/>
        <w:rPr>
          <w:sz w:val="18"/>
        </w:rPr>
      </w:pPr>
      <w:r w:rsidRPr="001E0A23">
        <w:rPr>
          <w:sz w:val="18"/>
        </w:rPr>
        <w:tab/>
      </w:r>
      <w:r w:rsidRPr="001E0A23">
        <w:rPr>
          <w:sz w:val="18"/>
        </w:rPr>
        <w:tab/>
        <w:t>: \p\y\x\w0\t0.!exists t (!and (!earlier t0 t) (p y x w0 t) (!know (p y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np)\\((vp[vp=?x,pos=0]\np)\np) </w:t>
      </w:r>
    </w:p>
    <w:p w:rsidR="0014091F" w:rsidRPr="001E0A23" w:rsidRDefault="0014091F" w:rsidP="0014091F">
      <w:pPr>
        <w:pStyle w:val="NoSpacing"/>
        <w:rPr>
          <w:sz w:val="18"/>
        </w:rPr>
      </w:pPr>
      <w:r w:rsidRPr="001E0A23">
        <w:rPr>
          <w:sz w:val="18"/>
        </w:rPr>
        <w:tab/>
      </w:r>
      <w:r w:rsidRPr="001E0A23">
        <w:rPr>
          <w:sz w:val="18"/>
        </w:rPr>
        <w:tab/>
        <w:t>: \p\y\x\w0\t0.!exists t (!and (!earlier t0 t) (p y x w0 t) (!not (!know (p y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np)\\((vp[vp=?x,pos=0]\np)\np) </w:t>
      </w:r>
    </w:p>
    <w:p w:rsidR="0014091F" w:rsidRPr="001E0A23" w:rsidRDefault="0014091F" w:rsidP="0014091F">
      <w:pPr>
        <w:pStyle w:val="NoSpacing"/>
        <w:rPr>
          <w:sz w:val="18"/>
        </w:rPr>
      </w:pPr>
      <w:r w:rsidRPr="001E0A23">
        <w:rPr>
          <w:sz w:val="18"/>
        </w:rPr>
        <w:tab/>
      </w:r>
      <w:r w:rsidRPr="001E0A23">
        <w:rPr>
          <w:sz w:val="18"/>
        </w:rPr>
        <w:tab/>
        <w:t>: \p\y\x\w0\t0.!exists t1 !exists t2 (!and (!earlier t0 t1) (!earlier t2 t0) (p y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np)\\((vp[vp=?x,pos=0]\np)\np) </w:t>
      </w:r>
    </w:p>
    <w:p w:rsidR="0014091F" w:rsidRPr="001E0A23" w:rsidRDefault="0014091F" w:rsidP="0014091F">
      <w:pPr>
        <w:pStyle w:val="NoSpacing"/>
        <w:rPr>
          <w:sz w:val="18"/>
        </w:rPr>
      </w:pPr>
      <w:r w:rsidRPr="001E0A23">
        <w:rPr>
          <w:sz w:val="18"/>
        </w:rPr>
        <w:tab/>
      </w:r>
      <w:r w:rsidRPr="001E0A23">
        <w:rPr>
          <w:sz w:val="18"/>
        </w:rPr>
        <w:tab/>
        <w:t>: \p\y\x\w0\t0.!exists t1 !exists t2 (!and (!earlier t0 t1) (!earlier t2 t0) (p y x w0 (t1 t2)));</w:t>
      </w:r>
    </w:p>
    <w:p w:rsidR="00A678E2" w:rsidRPr="001E0A23" w:rsidRDefault="0014091F" w:rsidP="0014091F">
      <w:pPr>
        <w:pStyle w:val="NoSpacing"/>
        <w:rPr>
          <w:sz w:val="18"/>
        </w:rPr>
      </w:pPr>
      <w:r w:rsidRPr="001E0A23">
        <w:rPr>
          <w:sz w:val="18"/>
        </w:rPr>
        <w:t xml:space="preserve">-ir </w:t>
      </w:r>
      <w:r w:rsidRPr="001E0A23">
        <w:rPr>
          <w:sz w:val="18"/>
        </w:rPr>
        <w:tab/>
        <w:t xml:space="preserve">c := ((vp[vp=?x,mod=false,pos=4]\np)\np)\\((vp[vp=?x,pos=0]\np)\np) </w:t>
      </w:r>
    </w:p>
    <w:p w:rsidR="0014091F" w:rsidRPr="001E0A23" w:rsidRDefault="00A678E2" w:rsidP="0014091F">
      <w:pPr>
        <w:pStyle w:val="NoSpacing"/>
        <w:rPr>
          <w:sz w:val="18"/>
        </w:rPr>
      </w:pPr>
      <w:r w:rsidRPr="001E0A23">
        <w:rPr>
          <w:sz w:val="18"/>
        </w:rPr>
        <w:tab/>
      </w:r>
      <w:r w:rsidRPr="001E0A23">
        <w:rPr>
          <w:sz w:val="18"/>
        </w:rPr>
        <w:tab/>
      </w:r>
      <w:r w:rsidR="0014091F" w:rsidRPr="001E0A23">
        <w:rPr>
          <w:sz w:val="18"/>
        </w:rPr>
        <w:t>: \p\y\x\w0\t0.!exists t (p y x w0 t);</w:t>
      </w:r>
    </w:p>
    <w:p w:rsidR="00A678E2" w:rsidRPr="001E0A23" w:rsidRDefault="00A678E2"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np)\np)\\((vp[vp=?x,pos=0]\np)\np) </w:t>
      </w:r>
    </w:p>
    <w:p w:rsidR="0014091F" w:rsidRPr="001E0A23" w:rsidRDefault="00A678E2" w:rsidP="0014091F">
      <w:pPr>
        <w:pStyle w:val="NoSpacing"/>
        <w:rPr>
          <w:sz w:val="18"/>
        </w:rPr>
      </w:pPr>
      <w:r w:rsidRPr="001E0A23">
        <w:rPr>
          <w:sz w:val="18"/>
        </w:rPr>
        <w:tab/>
      </w:r>
      <w:r w:rsidRPr="001E0A23">
        <w:rPr>
          <w:sz w:val="18"/>
        </w:rPr>
        <w:tab/>
      </w:r>
      <w:r w:rsidR="0014091F" w:rsidRPr="001E0A23">
        <w:rPr>
          <w:sz w:val="18"/>
        </w:rPr>
        <w:t>: \p\y\x\w0\t0.!exists t (p y x w0 t);</w:t>
      </w:r>
    </w:p>
    <w:p w:rsidR="00A678E2" w:rsidRPr="001E0A23" w:rsidRDefault="0014091F" w:rsidP="0014091F">
      <w:pPr>
        <w:pStyle w:val="NoSpacing"/>
        <w:rPr>
          <w:sz w:val="18"/>
        </w:rPr>
      </w:pPr>
      <w:r w:rsidRPr="001E0A23">
        <w:rPr>
          <w:sz w:val="18"/>
        </w:rPr>
        <w:t xml:space="preserve">-ecek </w:t>
      </w:r>
      <w:r w:rsidRPr="001E0A23">
        <w:rPr>
          <w:sz w:val="18"/>
        </w:rPr>
        <w:tab/>
        <w:t xml:space="preserve">c := ((vp[vp=?x,mod=false,pos=4]\np)\np)\\((vp[vp=?x,pos=0]\np)\np) </w:t>
      </w:r>
    </w:p>
    <w:p w:rsidR="0014091F" w:rsidRPr="001E0A23" w:rsidRDefault="00A678E2" w:rsidP="0014091F">
      <w:pPr>
        <w:pStyle w:val="NoSpacing"/>
        <w:rPr>
          <w:sz w:val="18"/>
        </w:rPr>
      </w:pPr>
      <w:r w:rsidRPr="001E0A23">
        <w:rPr>
          <w:sz w:val="18"/>
        </w:rPr>
        <w:tab/>
      </w:r>
      <w:r w:rsidRPr="001E0A23">
        <w:rPr>
          <w:sz w:val="18"/>
        </w:rPr>
        <w:tab/>
      </w:r>
      <w:r w:rsidR="0014091F" w:rsidRPr="001E0A23">
        <w:rPr>
          <w:sz w:val="18"/>
        </w:rPr>
        <w:t>: \p\y\x\w0\t0.!exists t (!and (!earlier t t0) (p y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transitive causative pos=0</w:t>
      </w:r>
    </w:p>
    <w:p w:rsidR="0014091F" w:rsidRPr="001E0A23" w:rsidRDefault="0014091F" w:rsidP="0014091F">
      <w:pPr>
        <w:pStyle w:val="NoSpacing"/>
        <w:rPr>
          <w:sz w:val="18"/>
        </w:rPr>
      </w:pPr>
      <w:r w:rsidRPr="001E0A23">
        <w:rPr>
          <w:sz w:val="18"/>
        </w:rPr>
        <w:t xml:space="preserve">-di </w:t>
      </w:r>
      <w:r w:rsidRPr="001E0A23">
        <w:rPr>
          <w:sz w:val="18"/>
        </w:rPr>
        <w:tab/>
        <w:t xml:space="preserve">c := (((vp[vp=?x,mod=false,pos=4]\np)\np)\np)\\(((vp[vp=?x,pos=0]\np)\np)\np) </w:t>
      </w:r>
    </w:p>
    <w:p w:rsidR="0014091F" w:rsidRPr="001E0A23" w:rsidRDefault="0014091F" w:rsidP="0014091F">
      <w:pPr>
        <w:pStyle w:val="NoSpacing"/>
        <w:rPr>
          <w:sz w:val="18"/>
        </w:rPr>
      </w:pPr>
      <w:r w:rsidRPr="001E0A23">
        <w:rPr>
          <w:sz w:val="18"/>
        </w:rPr>
        <w:tab/>
      </w:r>
      <w:r w:rsidR="00A678E2" w:rsidRPr="001E0A23">
        <w:rPr>
          <w:sz w:val="18"/>
        </w:rPr>
        <w:tab/>
      </w:r>
      <w:r w:rsidRPr="001E0A23">
        <w:rPr>
          <w:sz w:val="18"/>
        </w:rPr>
        <w:t>: \p\z\y\x\w0\t0.!exists t (!and (!earlier t0 t) (p z y x w0 t) (!know (p z y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np)\np)\\(((vp[vp=?x,pos=0]\np)\np)\np) </w:t>
      </w:r>
    </w:p>
    <w:p w:rsidR="0014091F" w:rsidRPr="001E0A23" w:rsidRDefault="0014091F" w:rsidP="0014091F">
      <w:pPr>
        <w:pStyle w:val="NoSpacing"/>
        <w:rPr>
          <w:sz w:val="18"/>
        </w:rPr>
      </w:pPr>
      <w:r w:rsidRPr="001E0A23">
        <w:rPr>
          <w:sz w:val="18"/>
        </w:rPr>
        <w:tab/>
      </w:r>
      <w:r w:rsidRPr="001E0A23">
        <w:rPr>
          <w:sz w:val="18"/>
        </w:rPr>
        <w:tab/>
        <w:t>: \p\z\y\x\w0\t0.!exists t (!and (!earlier t0 t) (p z y x w0 t) (!not (!know (p z y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np)\np)\\(((vp[vp=?x,pos=0]\np)\np)\np) </w:t>
      </w:r>
    </w:p>
    <w:p w:rsidR="0014091F" w:rsidRPr="001E0A23" w:rsidRDefault="0014091F" w:rsidP="0014091F">
      <w:pPr>
        <w:pStyle w:val="NoSpacing"/>
        <w:rPr>
          <w:sz w:val="18"/>
        </w:rPr>
      </w:pPr>
      <w:r w:rsidRPr="001E0A23">
        <w:rPr>
          <w:sz w:val="18"/>
        </w:rPr>
        <w:tab/>
      </w:r>
      <w:r w:rsidRPr="001E0A23">
        <w:rPr>
          <w:sz w:val="18"/>
        </w:rPr>
        <w:tab/>
        <w:t>: \p\z\y\x\w0\t0.!exists t1 !exists t2 (!and (!earlier t0 t1) (!earlier t2 t0) (p z y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np)\np)\\(((vp[vp=?x,pos=0]\np)\np)\np) </w:t>
      </w:r>
    </w:p>
    <w:p w:rsidR="0014091F" w:rsidRPr="001E0A23" w:rsidRDefault="0014091F" w:rsidP="0014091F">
      <w:pPr>
        <w:pStyle w:val="NoSpacing"/>
        <w:rPr>
          <w:sz w:val="18"/>
        </w:rPr>
      </w:pPr>
      <w:r w:rsidRPr="001E0A23">
        <w:rPr>
          <w:sz w:val="18"/>
        </w:rPr>
        <w:tab/>
      </w:r>
      <w:r w:rsidRPr="001E0A23">
        <w:rPr>
          <w:sz w:val="18"/>
        </w:rPr>
        <w:tab/>
        <w:t>: \p\z\y\x\w0\t0.!exists t1 !exists t2 (!and (!earlier t0 t1) (!earlier t2 t0) (p z y x w0 (t1 t2)));</w:t>
      </w:r>
    </w:p>
    <w:p w:rsidR="0014091F" w:rsidRPr="001E0A23" w:rsidRDefault="0014091F" w:rsidP="0014091F">
      <w:pPr>
        <w:pStyle w:val="NoSpacing"/>
        <w:rPr>
          <w:sz w:val="18"/>
        </w:rPr>
      </w:pPr>
      <w:r w:rsidRPr="001E0A23">
        <w:rPr>
          <w:sz w:val="18"/>
        </w:rPr>
        <w:t xml:space="preserve">-ir </w:t>
      </w:r>
      <w:r w:rsidRPr="001E0A23">
        <w:rPr>
          <w:sz w:val="18"/>
        </w:rPr>
        <w:tab/>
        <w:t xml:space="preserve">c := (((vp[vp=?x,mod=false,pos=4]\np)\np)\np)\\(((vp[vp=?x,pos=0]\np)\np)\np) </w:t>
      </w:r>
    </w:p>
    <w:p w:rsidR="0014091F" w:rsidRPr="001E0A23" w:rsidRDefault="0014091F" w:rsidP="0014091F">
      <w:pPr>
        <w:pStyle w:val="NoSpacing"/>
        <w:rPr>
          <w:sz w:val="18"/>
        </w:rPr>
      </w:pPr>
      <w:r w:rsidRPr="001E0A23">
        <w:rPr>
          <w:sz w:val="18"/>
        </w:rPr>
        <w:tab/>
      </w:r>
      <w:r w:rsidRPr="001E0A23">
        <w:rPr>
          <w:sz w:val="18"/>
        </w:rPr>
        <w:tab/>
        <w:t>: \p\z\y\x\w0\t0.!exists t (p z y x w0 t);</w:t>
      </w:r>
    </w:p>
    <w:p w:rsidR="0014091F" w:rsidRPr="001E0A23" w:rsidRDefault="00A678E2"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np)\np)\np)\\(((vp[vp=?x,pos=0]\np)\np)\np) </w:t>
      </w:r>
    </w:p>
    <w:p w:rsidR="0014091F" w:rsidRPr="001E0A23" w:rsidRDefault="0014091F" w:rsidP="0014091F">
      <w:pPr>
        <w:pStyle w:val="NoSpacing"/>
        <w:rPr>
          <w:sz w:val="18"/>
        </w:rPr>
      </w:pPr>
      <w:r w:rsidRPr="001E0A23">
        <w:rPr>
          <w:sz w:val="18"/>
        </w:rPr>
        <w:tab/>
      </w:r>
      <w:r w:rsidRPr="001E0A23">
        <w:rPr>
          <w:sz w:val="18"/>
        </w:rPr>
        <w:tab/>
        <w:t>: \p\z\y\x\w0\t0.!exists t (p z y x w0 t);</w:t>
      </w:r>
    </w:p>
    <w:p w:rsidR="0014091F" w:rsidRPr="001E0A23" w:rsidRDefault="0014091F" w:rsidP="0014091F">
      <w:pPr>
        <w:pStyle w:val="NoSpacing"/>
        <w:rPr>
          <w:sz w:val="18"/>
        </w:rPr>
      </w:pPr>
      <w:r w:rsidRPr="001E0A23">
        <w:rPr>
          <w:sz w:val="18"/>
        </w:rPr>
        <w:t xml:space="preserve">-ecek </w:t>
      </w:r>
      <w:r w:rsidRPr="001E0A23">
        <w:rPr>
          <w:sz w:val="18"/>
        </w:rPr>
        <w:tab/>
        <w:t xml:space="preserve">c := (((vp[vp=?x,mod=false,pos=4]\np)\np)\np)\\(((vp[vp=?x,pos=0]\np)\np)\np) </w:t>
      </w:r>
    </w:p>
    <w:p w:rsidR="0014091F" w:rsidRPr="001E0A23" w:rsidRDefault="0014091F" w:rsidP="0014091F">
      <w:pPr>
        <w:pStyle w:val="NoSpacing"/>
        <w:rPr>
          <w:sz w:val="18"/>
        </w:rPr>
      </w:pPr>
      <w:r w:rsidRPr="001E0A23">
        <w:rPr>
          <w:sz w:val="18"/>
        </w:rPr>
        <w:tab/>
      </w:r>
      <w:r w:rsidRPr="001E0A23">
        <w:rPr>
          <w:sz w:val="18"/>
        </w:rPr>
        <w:tab/>
        <w:t>: \p\z\y\x\w0\t0.!exists t (!and (!earlier t t0) (p z y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passive intransitive pos=1</w:t>
      </w:r>
    </w:p>
    <w:p w:rsidR="0014091F" w:rsidRPr="001E0A23" w:rsidRDefault="0014091F" w:rsidP="0014091F">
      <w:pPr>
        <w:pStyle w:val="NoSpacing"/>
        <w:rPr>
          <w:sz w:val="18"/>
        </w:rPr>
      </w:pPr>
      <w:r w:rsidRPr="001E0A23">
        <w:rPr>
          <w:sz w:val="18"/>
        </w:rPr>
        <w:t xml:space="preserve">-di </w:t>
      </w:r>
      <w:r w:rsidRPr="001E0A23">
        <w:rPr>
          <w:sz w:val="18"/>
        </w:rPr>
        <w:tab/>
        <w:t>c := vp[vp=?x,mod=false,pos=4]\\vp[vp=?x,pos=1]</w:t>
      </w:r>
    </w:p>
    <w:p w:rsidR="0014091F" w:rsidRPr="001E0A23" w:rsidRDefault="0014091F" w:rsidP="0014091F">
      <w:pPr>
        <w:pStyle w:val="NoSpacing"/>
        <w:rPr>
          <w:sz w:val="18"/>
        </w:rPr>
      </w:pPr>
      <w:r w:rsidRPr="001E0A23">
        <w:rPr>
          <w:sz w:val="18"/>
        </w:rPr>
        <w:tab/>
      </w:r>
      <w:r w:rsidRPr="001E0A23">
        <w:rPr>
          <w:sz w:val="18"/>
        </w:rPr>
        <w:tab/>
        <w:t>: \p\w0\t0.!exists t (!and (!earlier t0 t) (p w0 t) (!know (p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vp[vp=?x,pos=1] </w:t>
      </w:r>
    </w:p>
    <w:p w:rsidR="0014091F" w:rsidRPr="001E0A23" w:rsidRDefault="0014091F" w:rsidP="0014091F">
      <w:pPr>
        <w:pStyle w:val="NoSpacing"/>
        <w:rPr>
          <w:sz w:val="18"/>
        </w:rPr>
      </w:pPr>
      <w:r w:rsidRPr="001E0A23">
        <w:rPr>
          <w:sz w:val="18"/>
        </w:rPr>
        <w:tab/>
      </w:r>
      <w:r w:rsidRPr="001E0A23">
        <w:rPr>
          <w:sz w:val="18"/>
        </w:rPr>
        <w:tab/>
        <w:t>: \p\w0\t0.!exists t (!and (!earlier t0 t) (p w0 t) (!not (!know (p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vp[vp=?x,pos=1] </w:t>
      </w:r>
    </w:p>
    <w:p w:rsidR="0014091F" w:rsidRPr="001E0A23" w:rsidRDefault="0014091F" w:rsidP="0014091F">
      <w:pPr>
        <w:pStyle w:val="NoSpacing"/>
        <w:rPr>
          <w:sz w:val="18"/>
        </w:rPr>
      </w:pPr>
      <w:r w:rsidRPr="001E0A23">
        <w:rPr>
          <w:sz w:val="18"/>
        </w:rPr>
        <w:tab/>
      </w:r>
      <w:r w:rsidRPr="001E0A23">
        <w:rPr>
          <w:sz w:val="18"/>
        </w:rPr>
        <w:tab/>
        <w:t>: \p\w0\t0.!exists t1 !exists t2 (!and (!earlier t0 t1) (!earlier t2 t0) (p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vp[vp=?x,pos=1] </w:t>
      </w:r>
    </w:p>
    <w:p w:rsidR="0014091F" w:rsidRPr="001E0A23" w:rsidRDefault="0014091F" w:rsidP="0014091F">
      <w:pPr>
        <w:pStyle w:val="NoSpacing"/>
        <w:rPr>
          <w:sz w:val="18"/>
        </w:rPr>
      </w:pPr>
      <w:r w:rsidRPr="001E0A23">
        <w:rPr>
          <w:sz w:val="18"/>
        </w:rPr>
        <w:tab/>
      </w:r>
      <w:r w:rsidRPr="001E0A23">
        <w:rPr>
          <w:sz w:val="18"/>
        </w:rPr>
        <w:tab/>
        <w:t>: \p\w0\t0.!exists t1 !exists t2 (!and (!earlier t0 t1) (!earlier t2 t0) (p w0 (t1 t2)));</w:t>
      </w:r>
    </w:p>
    <w:p w:rsidR="00A678E2" w:rsidRPr="001E0A23" w:rsidRDefault="0014091F" w:rsidP="0014091F">
      <w:pPr>
        <w:pStyle w:val="NoSpacing"/>
        <w:rPr>
          <w:sz w:val="18"/>
        </w:rPr>
      </w:pPr>
      <w:r w:rsidRPr="001E0A23">
        <w:rPr>
          <w:sz w:val="18"/>
        </w:rPr>
        <w:t xml:space="preserve">-ir </w:t>
      </w:r>
      <w:r w:rsidRPr="001E0A23">
        <w:rPr>
          <w:sz w:val="18"/>
        </w:rPr>
        <w:tab/>
        <w:t xml:space="preserve">c := vp[vp=?x,mod=false,pos=4]\\vp[vp=?x,pos=1] </w:t>
      </w:r>
    </w:p>
    <w:p w:rsidR="0014091F" w:rsidRPr="001E0A23" w:rsidRDefault="00A678E2" w:rsidP="0014091F">
      <w:pPr>
        <w:pStyle w:val="NoSpacing"/>
        <w:rPr>
          <w:sz w:val="18"/>
        </w:rPr>
      </w:pPr>
      <w:r w:rsidRPr="001E0A23">
        <w:rPr>
          <w:sz w:val="18"/>
        </w:rPr>
        <w:tab/>
      </w:r>
      <w:r w:rsidRPr="001E0A23">
        <w:rPr>
          <w:sz w:val="18"/>
        </w:rPr>
        <w:tab/>
      </w:r>
      <w:r w:rsidR="0014091F" w:rsidRPr="001E0A23">
        <w:rPr>
          <w:sz w:val="18"/>
        </w:rPr>
        <w:t>: \p\w0\t0.!exists t (p w0 t);</w:t>
      </w:r>
    </w:p>
    <w:p w:rsidR="00A678E2" w:rsidRPr="001E0A23" w:rsidRDefault="00A678E2"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vp[vp=?x,pos=1] </w:t>
      </w:r>
    </w:p>
    <w:p w:rsidR="0014091F" w:rsidRPr="001E0A23" w:rsidRDefault="00A678E2" w:rsidP="0014091F">
      <w:pPr>
        <w:pStyle w:val="NoSpacing"/>
        <w:rPr>
          <w:sz w:val="18"/>
        </w:rPr>
      </w:pPr>
      <w:r w:rsidRPr="001E0A23">
        <w:rPr>
          <w:sz w:val="18"/>
        </w:rPr>
        <w:tab/>
      </w:r>
      <w:r w:rsidRPr="001E0A23">
        <w:rPr>
          <w:sz w:val="18"/>
        </w:rPr>
        <w:tab/>
      </w:r>
      <w:r w:rsidR="0014091F" w:rsidRPr="001E0A23">
        <w:rPr>
          <w:sz w:val="18"/>
        </w:rPr>
        <w:t>: \p\w0\t0.!exists t (p w0 t);</w:t>
      </w:r>
    </w:p>
    <w:p w:rsidR="00A678E2" w:rsidRPr="001E0A23" w:rsidRDefault="0014091F" w:rsidP="0014091F">
      <w:pPr>
        <w:pStyle w:val="NoSpacing"/>
        <w:rPr>
          <w:sz w:val="18"/>
        </w:rPr>
      </w:pPr>
      <w:r w:rsidRPr="001E0A23">
        <w:rPr>
          <w:sz w:val="18"/>
        </w:rPr>
        <w:t xml:space="preserve">-ecek </w:t>
      </w:r>
      <w:r w:rsidRPr="001E0A23">
        <w:rPr>
          <w:sz w:val="18"/>
        </w:rPr>
        <w:tab/>
        <w:t xml:space="preserve">c := vp[vp=?x,mod=false,pos=4]\\vp[vp=?x,pos=1] </w:t>
      </w:r>
    </w:p>
    <w:p w:rsidR="0014091F" w:rsidRPr="001E0A23" w:rsidRDefault="00A678E2" w:rsidP="0014091F">
      <w:pPr>
        <w:pStyle w:val="NoSpacing"/>
        <w:rPr>
          <w:sz w:val="18"/>
        </w:rPr>
      </w:pPr>
      <w:r w:rsidRPr="001E0A23">
        <w:rPr>
          <w:sz w:val="18"/>
        </w:rPr>
        <w:tab/>
      </w:r>
      <w:r w:rsidRPr="001E0A23">
        <w:rPr>
          <w:sz w:val="18"/>
        </w:rPr>
        <w:tab/>
      </w:r>
      <w:r w:rsidR="0014091F" w:rsidRPr="001E0A23">
        <w:rPr>
          <w:sz w:val="18"/>
        </w:rPr>
        <w:t>: \p\w0\t0.!exists t (!and (!earlier t t0) (p w0 t));</w:t>
      </w:r>
    </w:p>
    <w:p w:rsidR="0014091F" w:rsidRDefault="0014091F" w:rsidP="0014091F">
      <w:pPr>
        <w:pStyle w:val="NoSpacing"/>
        <w:rPr>
          <w:sz w:val="18"/>
        </w:rPr>
      </w:pPr>
    </w:p>
    <w:p w:rsidR="0059189D" w:rsidRPr="001E0A23" w:rsidRDefault="0059189D" w:rsidP="0014091F">
      <w:pPr>
        <w:pStyle w:val="NoSpacing"/>
        <w:rPr>
          <w:sz w:val="18"/>
        </w:rPr>
      </w:pPr>
    </w:p>
    <w:p w:rsidR="0014091F" w:rsidRPr="001E0A23" w:rsidRDefault="0014091F" w:rsidP="0014091F">
      <w:pPr>
        <w:pStyle w:val="NoSpacing"/>
        <w:rPr>
          <w:sz w:val="18"/>
        </w:rPr>
      </w:pPr>
      <w:r w:rsidRPr="001E0A23">
        <w:rPr>
          <w:sz w:val="18"/>
        </w:rPr>
        <w:lastRenderedPageBreak/>
        <w:t>%%%simple aspects: intransitive pos=1</w:t>
      </w:r>
    </w:p>
    <w:p w:rsidR="0014091F" w:rsidRPr="001E0A23" w:rsidRDefault="0014091F" w:rsidP="0014091F">
      <w:pPr>
        <w:pStyle w:val="NoSpacing"/>
        <w:rPr>
          <w:sz w:val="18"/>
        </w:rPr>
      </w:pPr>
      <w:r w:rsidRPr="001E0A23">
        <w:rPr>
          <w:sz w:val="18"/>
        </w:rPr>
        <w:t xml:space="preserve">-di </w:t>
      </w:r>
      <w:r w:rsidRPr="001E0A23">
        <w:rPr>
          <w:sz w:val="18"/>
        </w:rPr>
        <w:tab/>
        <w:t xml:space="preserve">c := (vp[vp=?x,mod=false,pos=4]\np)\\(vp[vp=?x,pos=1]\np) </w:t>
      </w:r>
    </w:p>
    <w:p w:rsidR="0014091F" w:rsidRPr="001E0A23" w:rsidRDefault="0014091F" w:rsidP="0014091F">
      <w:pPr>
        <w:pStyle w:val="NoSpacing"/>
        <w:rPr>
          <w:sz w:val="18"/>
        </w:rPr>
      </w:pPr>
      <w:r w:rsidRPr="001E0A23">
        <w:rPr>
          <w:sz w:val="18"/>
        </w:rPr>
        <w:tab/>
      </w:r>
      <w:r w:rsidRPr="001E0A23">
        <w:rPr>
          <w:sz w:val="18"/>
        </w:rPr>
        <w:tab/>
        <w:t>: \p\x\w0\t0.!exists t (!and (!earlier t0 t) (p x w0 t) (!know (p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vp[vp=?x,pos=1]\np) </w:t>
      </w:r>
    </w:p>
    <w:p w:rsidR="0014091F" w:rsidRPr="001E0A23" w:rsidRDefault="0014091F" w:rsidP="0014091F">
      <w:pPr>
        <w:pStyle w:val="NoSpacing"/>
        <w:rPr>
          <w:sz w:val="18"/>
        </w:rPr>
      </w:pPr>
      <w:r w:rsidRPr="001E0A23">
        <w:rPr>
          <w:sz w:val="18"/>
        </w:rPr>
        <w:tab/>
      </w:r>
      <w:r w:rsidRPr="001E0A23">
        <w:rPr>
          <w:sz w:val="18"/>
        </w:rPr>
        <w:tab/>
        <w:t>: \p\x\w0\t0.!exists t (!and (!earlier t0 t) (p x w0 t) (!not (!know (p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vp[vp=?x,pos=1]\np) </w:t>
      </w:r>
    </w:p>
    <w:p w:rsidR="0014091F" w:rsidRPr="001E0A23" w:rsidRDefault="0014091F" w:rsidP="0014091F">
      <w:pPr>
        <w:pStyle w:val="NoSpacing"/>
        <w:rPr>
          <w:sz w:val="18"/>
        </w:rPr>
      </w:pPr>
      <w:r w:rsidRPr="001E0A23">
        <w:rPr>
          <w:sz w:val="18"/>
        </w:rPr>
        <w:tab/>
      </w:r>
      <w:r w:rsidRPr="001E0A23">
        <w:rPr>
          <w:sz w:val="18"/>
        </w:rPr>
        <w:tab/>
        <w:t>: \p\x\w0\t0.!exists t1 !exists t2 (!and (!earlier t0 t1) (!earlier t2 t0) (p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vp[vp=?x,pos=1]\np) </w:t>
      </w:r>
    </w:p>
    <w:p w:rsidR="0014091F" w:rsidRPr="001E0A23" w:rsidRDefault="0014091F" w:rsidP="0014091F">
      <w:pPr>
        <w:pStyle w:val="NoSpacing"/>
        <w:rPr>
          <w:sz w:val="18"/>
        </w:rPr>
      </w:pPr>
      <w:r w:rsidRPr="001E0A23">
        <w:rPr>
          <w:sz w:val="18"/>
        </w:rPr>
        <w:tab/>
      </w:r>
      <w:r w:rsidRPr="001E0A23">
        <w:rPr>
          <w:sz w:val="18"/>
        </w:rPr>
        <w:tab/>
        <w:t>: \p\x\w0\t0.!exists t1 !exists t2 (!and (!earlier t0 t1) (!earlier t2 t0) (p x w0 (t1 t2)));</w:t>
      </w:r>
    </w:p>
    <w:p w:rsidR="00710E53" w:rsidRPr="001E0A23" w:rsidRDefault="0014091F" w:rsidP="0014091F">
      <w:pPr>
        <w:pStyle w:val="NoSpacing"/>
        <w:rPr>
          <w:sz w:val="18"/>
        </w:rPr>
      </w:pPr>
      <w:r w:rsidRPr="001E0A23">
        <w:rPr>
          <w:sz w:val="18"/>
        </w:rPr>
        <w:t xml:space="preserve">-ir </w:t>
      </w:r>
      <w:r w:rsidRPr="001E0A23">
        <w:rPr>
          <w:sz w:val="18"/>
        </w:rPr>
        <w:tab/>
        <w:t xml:space="preserve">c := (vp[vp=?x,mod=false,pos=4]\np)\\(vp[vp=?x,pos=1]\np) </w:t>
      </w:r>
    </w:p>
    <w:p w:rsidR="0014091F" w:rsidRPr="001E0A23" w:rsidRDefault="00710E53" w:rsidP="0014091F">
      <w:pPr>
        <w:pStyle w:val="NoSpacing"/>
        <w:rPr>
          <w:sz w:val="18"/>
        </w:rPr>
      </w:pPr>
      <w:r w:rsidRPr="001E0A23">
        <w:rPr>
          <w:sz w:val="18"/>
        </w:rPr>
        <w:tab/>
      </w:r>
      <w:r w:rsidRPr="001E0A23">
        <w:rPr>
          <w:sz w:val="18"/>
        </w:rPr>
        <w:tab/>
      </w:r>
      <w:r w:rsidR="0014091F" w:rsidRPr="001E0A23">
        <w:rPr>
          <w:sz w:val="18"/>
        </w:rPr>
        <w:t>: \p\x\w0\t0.!exists t (p x w0 t);</w:t>
      </w:r>
    </w:p>
    <w:p w:rsidR="00710E53" w:rsidRPr="001E0A23" w:rsidRDefault="00710E53"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np)\\(vp[vp=?x,pos=1]\np) </w:t>
      </w:r>
    </w:p>
    <w:p w:rsidR="0014091F" w:rsidRPr="001E0A23" w:rsidRDefault="00710E53" w:rsidP="0014091F">
      <w:pPr>
        <w:pStyle w:val="NoSpacing"/>
        <w:rPr>
          <w:sz w:val="18"/>
        </w:rPr>
      </w:pPr>
      <w:r w:rsidRPr="001E0A23">
        <w:rPr>
          <w:sz w:val="18"/>
        </w:rPr>
        <w:tab/>
      </w:r>
      <w:r w:rsidRPr="001E0A23">
        <w:rPr>
          <w:sz w:val="18"/>
        </w:rPr>
        <w:tab/>
      </w:r>
      <w:r w:rsidR="0014091F" w:rsidRPr="001E0A23">
        <w:rPr>
          <w:sz w:val="18"/>
        </w:rPr>
        <w:t>: \p\x\w0\t0.!exists t (p x w0 t);</w:t>
      </w:r>
    </w:p>
    <w:p w:rsidR="00710E53" w:rsidRPr="001E0A23" w:rsidRDefault="0014091F" w:rsidP="0014091F">
      <w:pPr>
        <w:pStyle w:val="NoSpacing"/>
        <w:rPr>
          <w:sz w:val="18"/>
        </w:rPr>
      </w:pPr>
      <w:r w:rsidRPr="001E0A23">
        <w:rPr>
          <w:sz w:val="18"/>
        </w:rPr>
        <w:t xml:space="preserve">-ecek </w:t>
      </w:r>
      <w:r w:rsidRPr="001E0A23">
        <w:rPr>
          <w:sz w:val="18"/>
        </w:rPr>
        <w:tab/>
        <w:t xml:space="preserve">c := (vp[vp=?x,mod=false,pos=4]\np)\\(vp[vp=?x,pos=1]\np) </w:t>
      </w:r>
    </w:p>
    <w:p w:rsidR="0014091F" w:rsidRPr="001E0A23" w:rsidRDefault="00710E53" w:rsidP="0014091F">
      <w:pPr>
        <w:pStyle w:val="NoSpacing"/>
        <w:rPr>
          <w:sz w:val="18"/>
        </w:rPr>
      </w:pPr>
      <w:r w:rsidRPr="001E0A23">
        <w:rPr>
          <w:sz w:val="18"/>
        </w:rPr>
        <w:tab/>
      </w:r>
      <w:r w:rsidRPr="001E0A23">
        <w:rPr>
          <w:sz w:val="18"/>
        </w:rPr>
        <w:tab/>
      </w:r>
      <w:r w:rsidR="0014091F" w:rsidRPr="001E0A23">
        <w:rPr>
          <w:sz w:val="18"/>
        </w:rPr>
        <w:t>: \p\x\w0\t0.!exists t (!and (!earlier t t0) (p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transitive pos=1</w:t>
      </w:r>
    </w:p>
    <w:p w:rsidR="0014091F" w:rsidRPr="001E0A23" w:rsidRDefault="0014091F" w:rsidP="0014091F">
      <w:pPr>
        <w:pStyle w:val="NoSpacing"/>
        <w:rPr>
          <w:sz w:val="18"/>
        </w:rPr>
      </w:pPr>
      <w:r w:rsidRPr="001E0A23">
        <w:rPr>
          <w:sz w:val="18"/>
        </w:rPr>
        <w:t xml:space="preserve">-di </w:t>
      </w:r>
      <w:r w:rsidRPr="001E0A23">
        <w:rPr>
          <w:sz w:val="18"/>
        </w:rPr>
        <w:tab/>
        <w:t xml:space="preserve">c := ((vp[vp=?x,mod=false,pos=4]\np)\np)\\((vp[vp=?x,pos=1]\np)\np) </w:t>
      </w:r>
    </w:p>
    <w:p w:rsidR="0014091F" w:rsidRPr="001E0A23" w:rsidRDefault="0014091F" w:rsidP="0014091F">
      <w:pPr>
        <w:pStyle w:val="NoSpacing"/>
        <w:rPr>
          <w:sz w:val="18"/>
        </w:rPr>
      </w:pPr>
      <w:r w:rsidRPr="001E0A23">
        <w:rPr>
          <w:sz w:val="18"/>
        </w:rPr>
        <w:tab/>
      </w:r>
      <w:r w:rsidRPr="001E0A23">
        <w:rPr>
          <w:sz w:val="18"/>
        </w:rPr>
        <w:tab/>
        <w:t>: \p\y\x\w0\t0.!exists t (!and (!earlier t0 t) (p y x w0 t) (!know (p y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np)\\((vp[vp=?x,pos=1]\np)\np) </w:t>
      </w:r>
    </w:p>
    <w:p w:rsidR="0014091F" w:rsidRPr="001E0A23" w:rsidRDefault="0014091F" w:rsidP="0014091F">
      <w:pPr>
        <w:pStyle w:val="NoSpacing"/>
        <w:rPr>
          <w:sz w:val="18"/>
        </w:rPr>
      </w:pPr>
      <w:r w:rsidRPr="001E0A23">
        <w:rPr>
          <w:sz w:val="18"/>
        </w:rPr>
        <w:tab/>
      </w:r>
      <w:r w:rsidRPr="001E0A23">
        <w:rPr>
          <w:sz w:val="18"/>
        </w:rPr>
        <w:tab/>
        <w:t>: \p\y\x\w0\t0.!exists t (!and (!earlier t0 t) (p y x w0 t) (!not (!know (p y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np)\\((vp[vp=?x,pos=1]\np)\np) </w:t>
      </w:r>
    </w:p>
    <w:p w:rsidR="0014091F" w:rsidRPr="001E0A23" w:rsidRDefault="0014091F" w:rsidP="0014091F">
      <w:pPr>
        <w:pStyle w:val="NoSpacing"/>
        <w:rPr>
          <w:sz w:val="18"/>
        </w:rPr>
      </w:pPr>
      <w:r w:rsidRPr="001E0A23">
        <w:rPr>
          <w:sz w:val="18"/>
        </w:rPr>
        <w:tab/>
      </w:r>
      <w:r w:rsidRPr="001E0A23">
        <w:rPr>
          <w:sz w:val="18"/>
        </w:rPr>
        <w:tab/>
        <w:t>: \p\y\x\w0\t0.!exists t1 !exists t2 (!and (!earlier t0 t1) (!earlier t2 t0) (p y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np)\\((vp[vp=?x,pos=1]\np)\np) </w:t>
      </w:r>
    </w:p>
    <w:p w:rsidR="0014091F" w:rsidRPr="001E0A23" w:rsidRDefault="0014091F" w:rsidP="0014091F">
      <w:pPr>
        <w:pStyle w:val="NoSpacing"/>
        <w:rPr>
          <w:sz w:val="18"/>
        </w:rPr>
      </w:pPr>
      <w:r w:rsidRPr="001E0A23">
        <w:rPr>
          <w:sz w:val="18"/>
        </w:rPr>
        <w:tab/>
      </w:r>
      <w:r w:rsidRPr="001E0A23">
        <w:rPr>
          <w:sz w:val="18"/>
        </w:rPr>
        <w:tab/>
        <w:t>: \p\y\x\w0\t0.!exists t1 !exists t2 (!and (!earlier t0 t1) (!earlier t2 t0) (p y x w0 (t1 t2)));</w:t>
      </w:r>
    </w:p>
    <w:p w:rsidR="00F8724F" w:rsidRPr="001E0A23" w:rsidRDefault="0014091F" w:rsidP="0014091F">
      <w:pPr>
        <w:pStyle w:val="NoSpacing"/>
        <w:rPr>
          <w:sz w:val="18"/>
        </w:rPr>
      </w:pPr>
      <w:r w:rsidRPr="001E0A23">
        <w:rPr>
          <w:sz w:val="18"/>
        </w:rPr>
        <w:t xml:space="preserve">-ir </w:t>
      </w:r>
      <w:r w:rsidRPr="001E0A23">
        <w:rPr>
          <w:sz w:val="18"/>
        </w:rPr>
        <w:tab/>
        <w:t xml:space="preserve">c := ((vp[vp=?x,mod=false,pos=4]\np)\np)\\((vp[vp=?x,pos=1]\np)\np) </w:t>
      </w:r>
    </w:p>
    <w:p w:rsidR="0014091F" w:rsidRPr="001E0A23" w:rsidRDefault="00F8724F" w:rsidP="0014091F">
      <w:pPr>
        <w:pStyle w:val="NoSpacing"/>
        <w:rPr>
          <w:sz w:val="18"/>
        </w:rPr>
      </w:pPr>
      <w:r w:rsidRPr="001E0A23">
        <w:rPr>
          <w:sz w:val="18"/>
        </w:rPr>
        <w:tab/>
      </w:r>
      <w:r w:rsidRPr="001E0A23">
        <w:rPr>
          <w:sz w:val="18"/>
        </w:rPr>
        <w:tab/>
      </w:r>
      <w:r w:rsidR="0014091F" w:rsidRPr="001E0A23">
        <w:rPr>
          <w:sz w:val="18"/>
        </w:rPr>
        <w:t>: \p\y\x\w0\t0.!exists t (p y x w0 t);</w:t>
      </w:r>
    </w:p>
    <w:p w:rsidR="00F8724F" w:rsidRPr="001E0A23" w:rsidRDefault="00F8724F"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np)\np)\\((vp[vp=?x,pos=1]\np)\np) </w:t>
      </w:r>
    </w:p>
    <w:p w:rsidR="0014091F" w:rsidRPr="001E0A23" w:rsidRDefault="00F8724F" w:rsidP="0014091F">
      <w:pPr>
        <w:pStyle w:val="NoSpacing"/>
        <w:rPr>
          <w:sz w:val="18"/>
        </w:rPr>
      </w:pPr>
      <w:r w:rsidRPr="001E0A23">
        <w:rPr>
          <w:sz w:val="18"/>
        </w:rPr>
        <w:tab/>
      </w:r>
      <w:r w:rsidRPr="001E0A23">
        <w:rPr>
          <w:sz w:val="18"/>
        </w:rPr>
        <w:tab/>
      </w:r>
      <w:r w:rsidR="0014091F" w:rsidRPr="001E0A23">
        <w:rPr>
          <w:sz w:val="18"/>
        </w:rPr>
        <w:t>: \p\y\x\w0\t0.!exists t (p y x w0 t);</w:t>
      </w:r>
    </w:p>
    <w:p w:rsidR="00F8724F" w:rsidRPr="001E0A23" w:rsidRDefault="0014091F" w:rsidP="0014091F">
      <w:pPr>
        <w:pStyle w:val="NoSpacing"/>
        <w:rPr>
          <w:sz w:val="18"/>
        </w:rPr>
      </w:pPr>
      <w:r w:rsidRPr="001E0A23">
        <w:rPr>
          <w:sz w:val="18"/>
        </w:rPr>
        <w:t xml:space="preserve">-ecek </w:t>
      </w:r>
      <w:r w:rsidRPr="001E0A23">
        <w:rPr>
          <w:sz w:val="18"/>
        </w:rPr>
        <w:tab/>
        <w:t xml:space="preserve">c := ((vp[vp=?x,mod=false,pos=4]\np)\np)\\((vp[vp=?x,pos=1]\np)\np) </w:t>
      </w:r>
    </w:p>
    <w:p w:rsidR="0014091F" w:rsidRPr="001E0A23" w:rsidRDefault="00F8724F" w:rsidP="0014091F">
      <w:pPr>
        <w:pStyle w:val="NoSpacing"/>
        <w:rPr>
          <w:sz w:val="18"/>
        </w:rPr>
      </w:pPr>
      <w:r w:rsidRPr="001E0A23">
        <w:rPr>
          <w:sz w:val="18"/>
        </w:rPr>
        <w:tab/>
      </w:r>
      <w:r w:rsidRPr="001E0A23">
        <w:rPr>
          <w:sz w:val="18"/>
        </w:rPr>
        <w:tab/>
      </w:r>
      <w:r w:rsidR="0014091F" w:rsidRPr="001E0A23">
        <w:rPr>
          <w:sz w:val="18"/>
        </w:rPr>
        <w:t>: \p\y\x\w0\t0.!exists t (!and (!earlier t t0) (p y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transitive causative pos=1</w:t>
      </w:r>
    </w:p>
    <w:p w:rsidR="0014091F" w:rsidRPr="001E0A23" w:rsidRDefault="0014091F" w:rsidP="0014091F">
      <w:pPr>
        <w:pStyle w:val="NoSpacing"/>
        <w:rPr>
          <w:sz w:val="18"/>
        </w:rPr>
      </w:pPr>
      <w:r w:rsidRPr="001E0A23">
        <w:rPr>
          <w:sz w:val="18"/>
        </w:rPr>
        <w:t xml:space="preserve">-di </w:t>
      </w:r>
      <w:r w:rsidRPr="001E0A23">
        <w:rPr>
          <w:sz w:val="18"/>
        </w:rPr>
        <w:tab/>
        <w:t xml:space="preserve">c := (((vp[vp=?x,mod=false,pos=4]\np)\np)\np)\\(((vp[vp=?x,pos=1]\np)\np)\np) </w:t>
      </w:r>
    </w:p>
    <w:p w:rsidR="0014091F" w:rsidRPr="001E0A23" w:rsidRDefault="0014091F" w:rsidP="0014091F">
      <w:pPr>
        <w:pStyle w:val="NoSpacing"/>
        <w:rPr>
          <w:sz w:val="18"/>
        </w:rPr>
      </w:pPr>
      <w:r w:rsidRPr="001E0A23">
        <w:rPr>
          <w:sz w:val="18"/>
        </w:rPr>
        <w:tab/>
      </w:r>
      <w:r w:rsidRPr="001E0A23">
        <w:rPr>
          <w:sz w:val="18"/>
        </w:rPr>
        <w:tab/>
        <w:t>: \p\z\y\x\w0\t0.!exists t (!and (!earlier t0 t) (p z y x w0 t) (!know (p z y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np)\np)\\(((vp[vp=?x,pos=1]\np)\np)\np) </w:t>
      </w:r>
    </w:p>
    <w:p w:rsidR="0014091F" w:rsidRPr="001E0A23" w:rsidRDefault="0014091F" w:rsidP="0014091F">
      <w:pPr>
        <w:pStyle w:val="NoSpacing"/>
        <w:rPr>
          <w:sz w:val="18"/>
        </w:rPr>
      </w:pPr>
      <w:r w:rsidRPr="001E0A23">
        <w:rPr>
          <w:sz w:val="18"/>
        </w:rPr>
        <w:tab/>
      </w:r>
      <w:r w:rsidRPr="001E0A23">
        <w:rPr>
          <w:sz w:val="18"/>
        </w:rPr>
        <w:tab/>
        <w:t>: \p\z\y\x\w0\t0.!exists t (!and (!earlier t0 t) (p z y x w0 t) (!not (!know (p z y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np)\np)\\(((vp[vp=?x,pos=1]\np)\np)\np) </w:t>
      </w:r>
    </w:p>
    <w:p w:rsidR="0014091F" w:rsidRPr="001E0A23" w:rsidRDefault="0014091F" w:rsidP="0014091F">
      <w:pPr>
        <w:pStyle w:val="NoSpacing"/>
        <w:rPr>
          <w:sz w:val="18"/>
        </w:rPr>
      </w:pPr>
      <w:r w:rsidRPr="001E0A23">
        <w:rPr>
          <w:sz w:val="18"/>
        </w:rPr>
        <w:tab/>
      </w:r>
      <w:r w:rsidRPr="001E0A23">
        <w:rPr>
          <w:sz w:val="18"/>
        </w:rPr>
        <w:tab/>
        <w:t>: \p\z\y\x\w0\t0.!exists t1 !exists t2 (!and (!earlier t0 t1) (!earlier t2 t0) (p z y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np)\np)\\(((vp[vp=?x,pos=1]\np)\np)\np) </w:t>
      </w:r>
    </w:p>
    <w:p w:rsidR="0014091F" w:rsidRPr="001E0A23" w:rsidRDefault="0014091F" w:rsidP="0014091F">
      <w:pPr>
        <w:pStyle w:val="NoSpacing"/>
        <w:rPr>
          <w:sz w:val="18"/>
        </w:rPr>
      </w:pPr>
      <w:r w:rsidRPr="001E0A23">
        <w:rPr>
          <w:sz w:val="18"/>
        </w:rPr>
        <w:tab/>
      </w:r>
      <w:r w:rsidRPr="001E0A23">
        <w:rPr>
          <w:sz w:val="18"/>
        </w:rPr>
        <w:tab/>
        <w:t>: \p\z\y\x\w0\t0.!exists t1 !exists t2 (!and (!earlier t0 t1) (!earlier t2 t0) (p z y x w0 (t1 t2)));</w:t>
      </w:r>
    </w:p>
    <w:p w:rsidR="0014091F" w:rsidRPr="001E0A23" w:rsidRDefault="0014091F" w:rsidP="0014091F">
      <w:pPr>
        <w:pStyle w:val="NoSpacing"/>
        <w:rPr>
          <w:sz w:val="18"/>
        </w:rPr>
      </w:pPr>
      <w:r w:rsidRPr="001E0A23">
        <w:rPr>
          <w:sz w:val="18"/>
        </w:rPr>
        <w:t xml:space="preserve">-ir </w:t>
      </w:r>
      <w:r w:rsidRPr="001E0A23">
        <w:rPr>
          <w:sz w:val="18"/>
        </w:rPr>
        <w:tab/>
        <w:t xml:space="preserve">c := (((vp[vp=?x,mod=false,pos=4]\np)\np)\np)\\(((vp[vp=?x,pos=1]\np)\np)\np) </w:t>
      </w:r>
    </w:p>
    <w:p w:rsidR="0014091F" w:rsidRPr="001E0A23" w:rsidRDefault="0014091F" w:rsidP="0014091F">
      <w:pPr>
        <w:pStyle w:val="NoSpacing"/>
        <w:rPr>
          <w:sz w:val="18"/>
        </w:rPr>
      </w:pPr>
      <w:r w:rsidRPr="001E0A23">
        <w:rPr>
          <w:sz w:val="18"/>
        </w:rPr>
        <w:tab/>
      </w:r>
      <w:r w:rsidRPr="001E0A23">
        <w:rPr>
          <w:sz w:val="18"/>
        </w:rPr>
        <w:tab/>
        <w:t>: \p\z\y\x\w0\t0.!exists t (p z y x w0 t);</w:t>
      </w:r>
    </w:p>
    <w:p w:rsidR="0014091F" w:rsidRPr="001E0A23" w:rsidRDefault="00DF58AE"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np)\np)\np)\\(((vp[vp=?x,pos=1]\np)\np)\np) </w:t>
      </w:r>
    </w:p>
    <w:p w:rsidR="0014091F" w:rsidRPr="001E0A23" w:rsidRDefault="0014091F" w:rsidP="0014091F">
      <w:pPr>
        <w:pStyle w:val="NoSpacing"/>
        <w:rPr>
          <w:sz w:val="18"/>
        </w:rPr>
      </w:pPr>
      <w:r w:rsidRPr="001E0A23">
        <w:rPr>
          <w:sz w:val="18"/>
        </w:rPr>
        <w:tab/>
      </w:r>
      <w:r w:rsidRPr="001E0A23">
        <w:rPr>
          <w:sz w:val="18"/>
        </w:rPr>
        <w:tab/>
        <w:t>: \p\z\y\x\w0\t0.!exists t (p z y x w0 t);</w:t>
      </w:r>
    </w:p>
    <w:p w:rsidR="0014091F" w:rsidRPr="001E0A23" w:rsidRDefault="0014091F" w:rsidP="0014091F">
      <w:pPr>
        <w:pStyle w:val="NoSpacing"/>
        <w:rPr>
          <w:sz w:val="18"/>
        </w:rPr>
      </w:pPr>
      <w:r w:rsidRPr="001E0A23">
        <w:rPr>
          <w:sz w:val="18"/>
        </w:rPr>
        <w:t xml:space="preserve">-ecek </w:t>
      </w:r>
      <w:r w:rsidRPr="001E0A23">
        <w:rPr>
          <w:sz w:val="18"/>
        </w:rPr>
        <w:tab/>
        <w:t xml:space="preserve">c := (((vp[vp=?x,mod=false,pos=4]\np)\np)\np)\\(((vp[vp=?x,pos=1]\np)\np)\np) </w:t>
      </w:r>
    </w:p>
    <w:p w:rsidR="0014091F" w:rsidRPr="001E0A23" w:rsidRDefault="0014091F" w:rsidP="0014091F">
      <w:pPr>
        <w:pStyle w:val="NoSpacing"/>
        <w:rPr>
          <w:sz w:val="18"/>
        </w:rPr>
      </w:pPr>
      <w:r w:rsidRPr="001E0A23">
        <w:rPr>
          <w:sz w:val="18"/>
        </w:rPr>
        <w:tab/>
      </w:r>
      <w:r w:rsidRPr="001E0A23">
        <w:rPr>
          <w:sz w:val="18"/>
        </w:rPr>
        <w:tab/>
        <w:t>: \p\z\y\x\w0\t0.!exists t (!and (!earlier t t0) (p z y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passive intransitive pos=2</w:t>
      </w:r>
    </w:p>
    <w:p w:rsidR="0014091F" w:rsidRPr="001E0A23" w:rsidRDefault="0014091F" w:rsidP="0014091F">
      <w:pPr>
        <w:pStyle w:val="NoSpacing"/>
        <w:rPr>
          <w:sz w:val="18"/>
        </w:rPr>
      </w:pPr>
      <w:r w:rsidRPr="001E0A23">
        <w:rPr>
          <w:sz w:val="18"/>
        </w:rPr>
        <w:t xml:space="preserve">-di </w:t>
      </w:r>
      <w:r w:rsidRPr="001E0A23">
        <w:rPr>
          <w:sz w:val="18"/>
        </w:rPr>
        <w:tab/>
        <w:t>c := vp[vp=?x,mod=false,pos=4]\\vp[vp=?x,pos=2]</w:t>
      </w:r>
    </w:p>
    <w:p w:rsidR="0014091F" w:rsidRPr="001E0A23" w:rsidRDefault="0014091F" w:rsidP="0014091F">
      <w:pPr>
        <w:pStyle w:val="NoSpacing"/>
        <w:rPr>
          <w:sz w:val="18"/>
        </w:rPr>
      </w:pPr>
      <w:r w:rsidRPr="001E0A23">
        <w:rPr>
          <w:sz w:val="18"/>
        </w:rPr>
        <w:tab/>
      </w:r>
      <w:r w:rsidRPr="001E0A23">
        <w:rPr>
          <w:sz w:val="18"/>
        </w:rPr>
        <w:tab/>
        <w:t>: \p\w0\t0.!exists t (!and (!earlier t0 t) (p w0 t) (!know (p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vp[vp=?x,pos=2] </w:t>
      </w:r>
    </w:p>
    <w:p w:rsidR="0014091F" w:rsidRPr="001E0A23" w:rsidRDefault="0014091F" w:rsidP="0014091F">
      <w:pPr>
        <w:pStyle w:val="NoSpacing"/>
        <w:rPr>
          <w:sz w:val="18"/>
        </w:rPr>
      </w:pPr>
      <w:r w:rsidRPr="001E0A23">
        <w:rPr>
          <w:sz w:val="18"/>
        </w:rPr>
        <w:tab/>
      </w:r>
      <w:r w:rsidRPr="001E0A23">
        <w:rPr>
          <w:sz w:val="18"/>
        </w:rPr>
        <w:tab/>
        <w:t>: \p\w0\t0.!exists t (!and (!earlier t0 t) (p w0 t) (!not (!know (p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vp[vp=?x,pos=2] </w:t>
      </w:r>
    </w:p>
    <w:p w:rsidR="0014091F" w:rsidRPr="001E0A23" w:rsidRDefault="0014091F" w:rsidP="0014091F">
      <w:pPr>
        <w:pStyle w:val="NoSpacing"/>
        <w:rPr>
          <w:sz w:val="18"/>
        </w:rPr>
      </w:pPr>
      <w:r w:rsidRPr="001E0A23">
        <w:rPr>
          <w:sz w:val="18"/>
        </w:rPr>
        <w:tab/>
      </w:r>
      <w:r w:rsidRPr="001E0A23">
        <w:rPr>
          <w:sz w:val="18"/>
        </w:rPr>
        <w:tab/>
        <w:t>: \p\w0\t0.!exists t1 !exists t2 (!and (!earlier t0 t1) (!earlier t2 t0) (p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vp[vp=?x,pos=2] </w:t>
      </w:r>
    </w:p>
    <w:p w:rsidR="0014091F" w:rsidRPr="001E0A23" w:rsidRDefault="0014091F" w:rsidP="0014091F">
      <w:pPr>
        <w:pStyle w:val="NoSpacing"/>
        <w:rPr>
          <w:sz w:val="18"/>
        </w:rPr>
      </w:pPr>
      <w:r w:rsidRPr="001E0A23">
        <w:rPr>
          <w:sz w:val="18"/>
        </w:rPr>
        <w:tab/>
      </w:r>
      <w:r w:rsidRPr="001E0A23">
        <w:rPr>
          <w:sz w:val="18"/>
        </w:rPr>
        <w:tab/>
        <w:t>: \p\w0\t0.!exists t1 !exists t2 (!and (!earlier t0 t1) (!earlier t2 t0) (p w0 (t1 t2)));</w:t>
      </w:r>
    </w:p>
    <w:p w:rsidR="00DF58AE" w:rsidRPr="001E0A23" w:rsidRDefault="0014091F" w:rsidP="0014091F">
      <w:pPr>
        <w:pStyle w:val="NoSpacing"/>
        <w:rPr>
          <w:sz w:val="18"/>
        </w:rPr>
      </w:pPr>
      <w:r w:rsidRPr="001E0A23">
        <w:rPr>
          <w:sz w:val="18"/>
        </w:rPr>
        <w:t xml:space="preserve">-ir </w:t>
      </w:r>
      <w:r w:rsidRPr="001E0A23">
        <w:rPr>
          <w:sz w:val="18"/>
        </w:rPr>
        <w:tab/>
        <w:t xml:space="preserve">c := vp[vp=?x,mod=false,pos=4]\\vp[vp=?x,pos=2] </w:t>
      </w:r>
    </w:p>
    <w:p w:rsidR="0014091F" w:rsidRPr="001E0A23" w:rsidRDefault="00DF58AE" w:rsidP="0014091F">
      <w:pPr>
        <w:pStyle w:val="NoSpacing"/>
        <w:rPr>
          <w:sz w:val="18"/>
        </w:rPr>
      </w:pPr>
      <w:r w:rsidRPr="001E0A23">
        <w:rPr>
          <w:sz w:val="18"/>
        </w:rPr>
        <w:tab/>
      </w:r>
      <w:r w:rsidRPr="001E0A23">
        <w:rPr>
          <w:sz w:val="18"/>
        </w:rPr>
        <w:tab/>
      </w:r>
      <w:r w:rsidR="0014091F" w:rsidRPr="001E0A23">
        <w:rPr>
          <w:sz w:val="18"/>
        </w:rPr>
        <w:t>: \p\w0\t0.!exists t (p w0 t);</w:t>
      </w:r>
    </w:p>
    <w:p w:rsidR="00DF58AE" w:rsidRPr="001E0A23" w:rsidRDefault="00DF58AE"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vp[vp=?x,pos=2] </w:t>
      </w:r>
    </w:p>
    <w:p w:rsidR="0014091F" w:rsidRPr="001E0A23" w:rsidRDefault="00DF58AE" w:rsidP="0014091F">
      <w:pPr>
        <w:pStyle w:val="NoSpacing"/>
        <w:rPr>
          <w:sz w:val="18"/>
        </w:rPr>
      </w:pPr>
      <w:r w:rsidRPr="001E0A23">
        <w:rPr>
          <w:sz w:val="18"/>
        </w:rPr>
        <w:tab/>
      </w:r>
      <w:r w:rsidRPr="001E0A23">
        <w:rPr>
          <w:sz w:val="18"/>
        </w:rPr>
        <w:tab/>
      </w:r>
      <w:r w:rsidR="0014091F" w:rsidRPr="001E0A23">
        <w:rPr>
          <w:sz w:val="18"/>
        </w:rPr>
        <w:t>: \p\w0\t0.!exists t (p w0 t);</w:t>
      </w:r>
    </w:p>
    <w:p w:rsidR="00DF58AE" w:rsidRPr="001E0A23" w:rsidRDefault="0014091F" w:rsidP="0014091F">
      <w:pPr>
        <w:pStyle w:val="NoSpacing"/>
        <w:rPr>
          <w:sz w:val="18"/>
        </w:rPr>
      </w:pPr>
      <w:r w:rsidRPr="001E0A23">
        <w:rPr>
          <w:sz w:val="18"/>
        </w:rPr>
        <w:t xml:space="preserve">-ecek </w:t>
      </w:r>
      <w:r w:rsidRPr="001E0A23">
        <w:rPr>
          <w:sz w:val="18"/>
        </w:rPr>
        <w:tab/>
        <w:t xml:space="preserve">c := vp[vp=?x,mod=false,pos=4]\\vp[vp=?x,pos=2] </w:t>
      </w:r>
    </w:p>
    <w:p w:rsidR="0014091F" w:rsidRPr="001E0A23" w:rsidRDefault="00DF58AE" w:rsidP="0014091F">
      <w:pPr>
        <w:pStyle w:val="NoSpacing"/>
        <w:rPr>
          <w:sz w:val="18"/>
        </w:rPr>
      </w:pPr>
      <w:r w:rsidRPr="001E0A23">
        <w:rPr>
          <w:sz w:val="18"/>
        </w:rPr>
        <w:tab/>
      </w:r>
      <w:r w:rsidRPr="001E0A23">
        <w:rPr>
          <w:sz w:val="18"/>
        </w:rPr>
        <w:tab/>
      </w:r>
      <w:r w:rsidR="0014091F" w:rsidRPr="001E0A23">
        <w:rPr>
          <w:sz w:val="18"/>
        </w:rPr>
        <w:t>: \p\w0\t0.!exists t (!and (!earlier t t0) (p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intransitive pos=2</w:t>
      </w:r>
    </w:p>
    <w:p w:rsidR="0014091F" w:rsidRPr="001E0A23" w:rsidRDefault="0014091F" w:rsidP="0014091F">
      <w:pPr>
        <w:pStyle w:val="NoSpacing"/>
        <w:rPr>
          <w:sz w:val="18"/>
        </w:rPr>
      </w:pPr>
      <w:r w:rsidRPr="001E0A23">
        <w:rPr>
          <w:sz w:val="18"/>
        </w:rPr>
        <w:t xml:space="preserve">-di </w:t>
      </w:r>
      <w:r w:rsidRPr="001E0A23">
        <w:rPr>
          <w:sz w:val="18"/>
        </w:rPr>
        <w:tab/>
        <w:t xml:space="preserve">c := (vp[vp=?x,mod=false,pos=4]\np)\\(vp[vp=?x,pos=2]\np) </w:t>
      </w:r>
    </w:p>
    <w:p w:rsidR="0014091F" w:rsidRPr="001E0A23" w:rsidRDefault="0014091F" w:rsidP="0014091F">
      <w:pPr>
        <w:pStyle w:val="NoSpacing"/>
        <w:rPr>
          <w:sz w:val="18"/>
        </w:rPr>
      </w:pPr>
      <w:r w:rsidRPr="001E0A23">
        <w:rPr>
          <w:sz w:val="18"/>
        </w:rPr>
        <w:tab/>
      </w:r>
      <w:r w:rsidRPr="001E0A23">
        <w:rPr>
          <w:sz w:val="18"/>
        </w:rPr>
        <w:tab/>
        <w:t>: \p\x\w0\t0.!exists t (!and (!earlier t0 t) (p x w0 t) (!know (p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vp[vp=?x,pos=2]\np) </w:t>
      </w:r>
    </w:p>
    <w:p w:rsidR="0014091F" w:rsidRPr="001E0A23" w:rsidRDefault="0014091F" w:rsidP="0014091F">
      <w:pPr>
        <w:pStyle w:val="NoSpacing"/>
        <w:rPr>
          <w:sz w:val="18"/>
        </w:rPr>
      </w:pPr>
      <w:r w:rsidRPr="001E0A23">
        <w:rPr>
          <w:sz w:val="18"/>
        </w:rPr>
        <w:tab/>
      </w:r>
      <w:r w:rsidRPr="001E0A23">
        <w:rPr>
          <w:sz w:val="18"/>
        </w:rPr>
        <w:tab/>
        <w:t>: \p\x\w0\t0.!exists t (!and (!earlier t0 t) (p x w0 t) (!not (!know (p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vp[vp=?x,pos=2]\np) </w:t>
      </w:r>
    </w:p>
    <w:p w:rsidR="0014091F" w:rsidRPr="001E0A23" w:rsidRDefault="0014091F" w:rsidP="0014091F">
      <w:pPr>
        <w:pStyle w:val="NoSpacing"/>
        <w:rPr>
          <w:sz w:val="18"/>
        </w:rPr>
      </w:pPr>
      <w:r w:rsidRPr="001E0A23">
        <w:rPr>
          <w:sz w:val="18"/>
        </w:rPr>
        <w:lastRenderedPageBreak/>
        <w:tab/>
      </w:r>
      <w:r w:rsidRPr="001E0A23">
        <w:rPr>
          <w:sz w:val="18"/>
        </w:rPr>
        <w:tab/>
        <w:t>: \p\x\w0\t0.!exists t1 !exists t2 (!and (!earlier t0 t1) (!earlier t2 t0) (p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vp[vp=?x,pos=2]\np) </w:t>
      </w:r>
    </w:p>
    <w:p w:rsidR="0014091F" w:rsidRPr="001E0A23" w:rsidRDefault="0014091F" w:rsidP="0014091F">
      <w:pPr>
        <w:pStyle w:val="NoSpacing"/>
        <w:rPr>
          <w:sz w:val="18"/>
        </w:rPr>
      </w:pPr>
      <w:r w:rsidRPr="001E0A23">
        <w:rPr>
          <w:sz w:val="18"/>
        </w:rPr>
        <w:tab/>
      </w:r>
      <w:r w:rsidRPr="001E0A23">
        <w:rPr>
          <w:sz w:val="18"/>
        </w:rPr>
        <w:tab/>
        <w:t>: \p\x\w0\t0.!exists t1 !exists t2 (!and (!earlier t0 t1) (!earlier t2 t0) (p x w0 (t1 t2)));</w:t>
      </w:r>
    </w:p>
    <w:p w:rsidR="00647883" w:rsidRPr="001E0A23" w:rsidRDefault="0014091F" w:rsidP="0014091F">
      <w:pPr>
        <w:pStyle w:val="NoSpacing"/>
        <w:rPr>
          <w:sz w:val="18"/>
        </w:rPr>
      </w:pPr>
      <w:r w:rsidRPr="001E0A23">
        <w:rPr>
          <w:sz w:val="18"/>
        </w:rPr>
        <w:t xml:space="preserve">-ir </w:t>
      </w:r>
      <w:r w:rsidRPr="001E0A23">
        <w:rPr>
          <w:sz w:val="18"/>
        </w:rPr>
        <w:tab/>
        <w:t>c := (vp[vp=?x,mod=false,pos=4]\np)\\(vp[vp=?x,pos=2]\np)</w:t>
      </w:r>
    </w:p>
    <w:p w:rsidR="0014091F" w:rsidRPr="001E0A23" w:rsidRDefault="00647883" w:rsidP="0014091F">
      <w:pPr>
        <w:pStyle w:val="NoSpacing"/>
        <w:rPr>
          <w:sz w:val="18"/>
        </w:rPr>
      </w:pPr>
      <w:r w:rsidRPr="001E0A23">
        <w:rPr>
          <w:sz w:val="18"/>
        </w:rPr>
        <w:tab/>
      </w:r>
      <w:r w:rsidRPr="001E0A23">
        <w:rPr>
          <w:sz w:val="18"/>
        </w:rPr>
        <w:tab/>
      </w:r>
      <w:r w:rsidR="0014091F" w:rsidRPr="001E0A23">
        <w:rPr>
          <w:sz w:val="18"/>
        </w:rPr>
        <w:t xml:space="preserve"> : \p\x\w0\t0.!exists t (p x w0 t);</w:t>
      </w:r>
    </w:p>
    <w:p w:rsidR="00647883" w:rsidRPr="001E0A23" w:rsidRDefault="00647883" w:rsidP="0014091F">
      <w:pPr>
        <w:pStyle w:val="NoSpacing"/>
        <w:rPr>
          <w:sz w:val="18"/>
        </w:rPr>
      </w:pPr>
      <w:r w:rsidRPr="001E0A23">
        <w:rPr>
          <w:sz w:val="18"/>
        </w:rPr>
        <w:t xml:space="preserve">-z </w:t>
      </w:r>
      <w:r w:rsidRPr="001E0A23">
        <w:rPr>
          <w:sz w:val="18"/>
        </w:rPr>
        <w:tab/>
      </w:r>
      <w:r w:rsidR="0014091F" w:rsidRPr="001E0A23">
        <w:rPr>
          <w:sz w:val="18"/>
        </w:rPr>
        <w:t>c := (vp[vp=?x,mod=false,pos=4]\np)\\(vp[vp=?x,pos=2]\np)</w:t>
      </w:r>
    </w:p>
    <w:p w:rsidR="0014091F" w:rsidRPr="001E0A23" w:rsidRDefault="0014091F" w:rsidP="0014091F">
      <w:pPr>
        <w:pStyle w:val="NoSpacing"/>
        <w:rPr>
          <w:sz w:val="18"/>
        </w:rPr>
      </w:pPr>
      <w:r w:rsidRPr="001E0A23">
        <w:rPr>
          <w:sz w:val="18"/>
        </w:rPr>
        <w:t xml:space="preserve"> </w:t>
      </w:r>
      <w:r w:rsidR="00647883" w:rsidRPr="001E0A23">
        <w:rPr>
          <w:sz w:val="18"/>
        </w:rPr>
        <w:tab/>
      </w:r>
      <w:r w:rsidR="00647883" w:rsidRPr="001E0A23">
        <w:rPr>
          <w:sz w:val="18"/>
        </w:rPr>
        <w:tab/>
      </w:r>
      <w:r w:rsidRPr="001E0A23">
        <w:rPr>
          <w:sz w:val="18"/>
        </w:rPr>
        <w:t>: \p\x\w0\t0.!exists t (p x w0 t);</w:t>
      </w:r>
    </w:p>
    <w:p w:rsidR="00647883" w:rsidRPr="001E0A23" w:rsidRDefault="0014091F" w:rsidP="0014091F">
      <w:pPr>
        <w:pStyle w:val="NoSpacing"/>
        <w:rPr>
          <w:sz w:val="18"/>
        </w:rPr>
      </w:pPr>
      <w:r w:rsidRPr="001E0A23">
        <w:rPr>
          <w:sz w:val="18"/>
        </w:rPr>
        <w:t xml:space="preserve">-ecek </w:t>
      </w:r>
      <w:r w:rsidRPr="001E0A23">
        <w:rPr>
          <w:sz w:val="18"/>
        </w:rPr>
        <w:tab/>
        <w:t xml:space="preserve">c := (vp[vp=?x,mod=false,pos=4]\np)\\(vp[vp=?x,pos=2]\np) </w:t>
      </w:r>
    </w:p>
    <w:p w:rsidR="0014091F" w:rsidRPr="001E0A23" w:rsidRDefault="00647883" w:rsidP="0014091F">
      <w:pPr>
        <w:pStyle w:val="NoSpacing"/>
        <w:rPr>
          <w:sz w:val="18"/>
        </w:rPr>
      </w:pPr>
      <w:r w:rsidRPr="001E0A23">
        <w:rPr>
          <w:sz w:val="18"/>
        </w:rPr>
        <w:tab/>
      </w:r>
      <w:r w:rsidRPr="001E0A23">
        <w:rPr>
          <w:sz w:val="18"/>
        </w:rPr>
        <w:tab/>
      </w:r>
      <w:r w:rsidR="0014091F" w:rsidRPr="001E0A23">
        <w:rPr>
          <w:sz w:val="18"/>
        </w:rPr>
        <w:t>: \p\x\w0\t0.!exists t (!and (!earlier t t0) (p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transitive pos=2</w:t>
      </w:r>
    </w:p>
    <w:p w:rsidR="0014091F" w:rsidRPr="001E0A23" w:rsidRDefault="0014091F" w:rsidP="0014091F">
      <w:pPr>
        <w:pStyle w:val="NoSpacing"/>
        <w:rPr>
          <w:sz w:val="18"/>
        </w:rPr>
      </w:pPr>
      <w:r w:rsidRPr="001E0A23">
        <w:rPr>
          <w:sz w:val="18"/>
        </w:rPr>
        <w:t xml:space="preserve">-di </w:t>
      </w:r>
      <w:r w:rsidRPr="001E0A23">
        <w:rPr>
          <w:sz w:val="18"/>
        </w:rPr>
        <w:tab/>
        <w:t xml:space="preserve">c := ((vp[vp=?x,mod=false,pos=4]\np)\np)\\((vp[vp=?x,pos=2]\np)\np) </w:t>
      </w:r>
    </w:p>
    <w:p w:rsidR="0014091F" w:rsidRPr="001E0A23" w:rsidRDefault="0014091F" w:rsidP="0014091F">
      <w:pPr>
        <w:pStyle w:val="NoSpacing"/>
        <w:rPr>
          <w:sz w:val="18"/>
        </w:rPr>
      </w:pPr>
      <w:r w:rsidRPr="001E0A23">
        <w:rPr>
          <w:sz w:val="18"/>
        </w:rPr>
        <w:tab/>
      </w:r>
      <w:r w:rsidRPr="001E0A23">
        <w:rPr>
          <w:sz w:val="18"/>
        </w:rPr>
        <w:tab/>
        <w:t>: \p\y\x\w0\t0.!exists t (!and (!earlier t0 t) (p y x w0 t) (!know (p y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np)\\((vp[vp=?x,pos=2]\np)\np) </w:t>
      </w:r>
    </w:p>
    <w:p w:rsidR="0014091F" w:rsidRPr="001E0A23" w:rsidRDefault="0014091F" w:rsidP="0014091F">
      <w:pPr>
        <w:pStyle w:val="NoSpacing"/>
        <w:rPr>
          <w:sz w:val="18"/>
        </w:rPr>
      </w:pPr>
      <w:r w:rsidRPr="001E0A23">
        <w:rPr>
          <w:sz w:val="18"/>
        </w:rPr>
        <w:tab/>
      </w:r>
      <w:r w:rsidRPr="001E0A23">
        <w:rPr>
          <w:sz w:val="18"/>
        </w:rPr>
        <w:tab/>
        <w:t>: \p\y\x\w0\t0.!exists t (!and (!earlier t0 t) (p y x w0 t) (!not (!know (p y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np)\\((vp[vp=?x,pos=2]\np)\np) </w:t>
      </w:r>
    </w:p>
    <w:p w:rsidR="0014091F" w:rsidRPr="001E0A23" w:rsidRDefault="0014091F" w:rsidP="0014091F">
      <w:pPr>
        <w:pStyle w:val="NoSpacing"/>
        <w:rPr>
          <w:sz w:val="18"/>
        </w:rPr>
      </w:pPr>
      <w:r w:rsidRPr="001E0A23">
        <w:rPr>
          <w:sz w:val="18"/>
        </w:rPr>
        <w:tab/>
      </w:r>
      <w:r w:rsidRPr="001E0A23">
        <w:rPr>
          <w:sz w:val="18"/>
        </w:rPr>
        <w:tab/>
        <w:t>: \p\y\x\w0\t0.!exists t1 !exists t2 (!and (!earlier t0 t1) (!earlier t2 t0) (p y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np)\\((vp[vp=?x,pos=2]\np)\np) </w:t>
      </w:r>
    </w:p>
    <w:p w:rsidR="0014091F" w:rsidRPr="001E0A23" w:rsidRDefault="0014091F" w:rsidP="0014091F">
      <w:pPr>
        <w:pStyle w:val="NoSpacing"/>
        <w:rPr>
          <w:sz w:val="18"/>
        </w:rPr>
      </w:pPr>
      <w:r w:rsidRPr="001E0A23">
        <w:rPr>
          <w:sz w:val="18"/>
        </w:rPr>
        <w:tab/>
      </w:r>
      <w:r w:rsidRPr="001E0A23">
        <w:rPr>
          <w:sz w:val="18"/>
        </w:rPr>
        <w:tab/>
        <w:t>: \p\y\x\w0\t0.!exists t1 !exists t2 (!and (!earlier t0 t1) (!earlier t2 t0) (p y x w0 (t1 t2)));</w:t>
      </w:r>
    </w:p>
    <w:p w:rsidR="00A15CF1" w:rsidRPr="001E0A23" w:rsidRDefault="0014091F" w:rsidP="0014091F">
      <w:pPr>
        <w:pStyle w:val="NoSpacing"/>
        <w:rPr>
          <w:sz w:val="18"/>
        </w:rPr>
      </w:pPr>
      <w:r w:rsidRPr="001E0A23">
        <w:rPr>
          <w:sz w:val="18"/>
        </w:rPr>
        <w:t xml:space="preserve">-ir </w:t>
      </w:r>
      <w:r w:rsidRPr="001E0A23">
        <w:rPr>
          <w:sz w:val="18"/>
        </w:rPr>
        <w:tab/>
        <w:t xml:space="preserve">c := ((vp[vp=?x,mod=false,pos=4]\np)\np)\\((vp[vp=?x,pos=2]\np)\np) </w:t>
      </w:r>
    </w:p>
    <w:p w:rsidR="0014091F" w:rsidRPr="001E0A23" w:rsidRDefault="00A15CF1" w:rsidP="0014091F">
      <w:pPr>
        <w:pStyle w:val="NoSpacing"/>
        <w:rPr>
          <w:sz w:val="18"/>
        </w:rPr>
      </w:pPr>
      <w:r w:rsidRPr="001E0A23">
        <w:rPr>
          <w:sz w:val="18"/>
        </w:rPr>
        <w:tab/>
      </w:r>
      <w:r w:rsidRPr="001E0A23">
        <w:rPr>
          <w:sz w:val="18"/>
        </w:rPr>
        <w:tab/>
      </w:r>
      <w:r w:rsidR="0014091F" w:rsidRPr="001E0A23">
        <w:rPr>
          <w:sz w:val="18"/>
        </w:rPr>
        <w:t>: \p\y\x\w0\t0.!exists t (p y x w0 t);</w:t>
      </w:r>
    </w:p>
    <w:p w:rsidR="00A15CF1" w:rsidRPr="001E0A23" w:rsidRDefault="00A15CF1"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np)\np)\\((vp[vp=?x,pos=2]\np)\np) </w:t>
      </w:r>
    </w:p>
    <w:p w:rsidR="0014091F" w:rsidRPr="001E0A23" w:rsidRDefault="00A15CF1" w:rsidP="0014091F">
      <w:pPr>
        <w:pStyle w:val="NoSpacing"/>
        <w:rPr>
          <w:sz w:val="18"/>
        </w:rPr>
      </w:pPr>
      <w:r w:rsidRPr="001E0A23">
        <w:rPr>
          <w:sz w:val="18"/>
        </w:rPr>
        <w:tab/>
      </w:r>
      <w:r w:rsidRPr="001E0A23">
        <w:rPr>
          <w:sz w:val="18"/>
        </w:rPr>
        <w:tab/>
      </w:r>
      <w:r w:rsidR="0014091F" w:rsidRPr="001E0A23">
        <w:rPr>
          <w:sz w:val="18"/>
        </w:rPr>
        <w:t>: \p\y\x\w0\t0.!exists t (p y x w0 t);</w:t>
      </w:r>
    </w:p>
    <w:p w:rsidR="00A15CF1" w:rsidRPr="001E0A23" w:rsidRDefault="0014091F" w:rsidP="0014091F">
      <w:pPr>
        <w:pStyle w:val="NoSpacing"/>
        <w:rPr>
          <w:sz w:val="18"/>
        </w:rPr>
      </w:pPr>
      <w:r w:rsidRPr="001E0A23">
        <w:rPr>
          <w:sz w:val="18"/>
        </w:rPr>
        <w:t xml:space="preserve">-ecek </w:t>
      </w:r>
      <w:r w:rsidRPr="001E0A23">
        <w:rPr>
          <w:sz w:val="18"/>
        </w:rPr>
        <w:tab/>
        <w:t xml:space="preserve">c := ((vp[vp=?x,mod=false,pos=4]\np)\np)\\((vp[vp=?x,pos=2]\np)\np) </w:t>
      </w:r>
    </w:p>
    <w:p w:rsidR="0014091F" w:rsidRPr="001E0A23" w:rsidRDefault="00A15CF1" w:rsidP="0014091F">
      <w:pPr>
        <w:pStyle w:val="NoSpacing"/>
        <w:rPr>
          <w:sz w:val="18"/>
        </w:rPr>
      </w:pPr>
      <w:r w:rsidRPr="001E0A23">
        <w:rPr>
          <w:sz w:val="18"/>
        </w:rPr>
        <w:tab/>
      </w:r>
      <w:r w:rsidRPr="001E0A23">
        <w:rPr>
          <w:sz w:val="18"/>
        </w:rPr>
        <w:tab/>
      </w:r>
      <w:r w:rsidR="0014091F" w:rsidRPr="001E0A23">
        <w:rPr>
          <w:sz w:val="18"/>
        </w:rPr>
        <w:t>: \p\y\x\w0\t0.!exists t (!and (!earlier t t0) (p y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transitive causative pos=2</w:t>
      </w:r>
    </w:p>
    <w:p w:rsidR="0014091F" w:rsidRPr="001E0A23" w:rsidRDefault="0014091F" w:rsidP="0014091F">
      <w:pPr>
        <w:pStyle w:val="NoSpacing"/>
        <w:rPr>
          <w:sz w:val="18"/>
        </w:rPr>
      </w:pPr>
      <w:r w:rsidRPr="001E0A23">
        <w:rPr>
          <w:sz w:val="18"/>
        </w:rPr>
        <w:t xml:space="preserve">-di </w:t>
      </w:r>
      <w:r w:rsidRPr="001E0A23">
        <w:rPr>
          <w:sz w:val="18"/>
        </w:rPr>
        <w:tab/>
        <w:t xml:space="preserve">c := (((vp[vp=?x,mod=false,pos=4]\np)\np)\np)\\(((vp[vp=?x,pos=2]\np)\np)\np) </w:t>
      </w:r>
    </w:p>
    <w:p w:rsidR="0014091F" w:rsidRPr="001E0A23" w:rsidRDefault="0014091F" w:rsidP="0014091F">
      <w:pPr>
        <w:pStyle w:val="NoSpacing"/>
        <w:rPr>
          <w:sz w:val="18"/>
        </w:rPr>
      </w:pPr>
      <w:r w:rsidRPr="001E0A23">
        <w:rPr>
          <w:sz w:val="18"/>
        </w:rPr>
        <w:tab/>
      </w:r>
      <w:r w:rsidRPr="001E0A23">
        <w:rPr>
          <w:sz w:val="18"/>
        </w:rPr>
        <w:tab/>
        <w:t>: \p\z\y\x\w0\t0.!exists t (!and (!earlier t0 t) (p z y x w0 t) (!know (p z y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np)\np)\\(((vp[vp=?x,pos=2]\np)\np)\np) </w:t>
      </w:r>
    </w:p>
    <w:p w:rsidR="0014091F" w:rsidRPr="001E0A23" w:rsidRDefault="0014091F" w:rsidP="0014091F">
      <w:pPr>
        <w:pStyle w:val="NoSpacing"/>
        <w:rPr>
          <w:sz w:val="18"/>
        </w:rPr>
      </w:pPr>
      <w:r w:rsidRPr="001E0A23">
        <w:rPr>
          <w:sz w:val="18"/>
        </w:rPr>
        <w:tab/>
      </w:r>
      <w:r w:rsidRPr="001E0A23">
        <w:rPr>
          <w:sz w:val="18"/>
        </w:rPr>
        <w:tab/>
        <w:t>: \p\z\y\x\w0\t0.!exists t (!and (!earlier t0 t) (p z y x w0 t) (!not (!know (p z y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np)\np)\\(((vp[vp=?x,pos=2]\np)\np)\np) </w:t>
      </w:r>
    </w:p>
    <w:p w:rsidR="0014091F" w:rsidRPr="001E0A23" w:rsidRDefault="0014091F" w:rsidP="0014091F">
      <w:pPr>
        <w:pStyle w:val="NoSpacing"/>
        <w:rPr>
          <w:sz w:val="18"/>
        </w:rPr>
      </w:pPr>
      <w:r w:rsidRPr="001E0A23">
        <w:rPr>
          <w:sz w:val="18"/>
        </w:rPr>
        <w:tab/>
      </w:r>
      <w:r w:rsidRPr="001E0A23">
        <w:rPr>
          <w:sz w:val="18"/>
        </w:rPr>
        <w:tab/>
        <w:t>: \p\z\y\x\w0\t0.!exists t1 !exists t2 (!and (!earlier t0 t1) (!earlier t2 t0) (p z y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np)\np)\\(((vp[vp=?x,pos=2]\np)\np)\np) </w:t>
      </w:r>
    </w:p>
    <w:p w:rsidR="0014091F" w:rsidRPr="001E0A23" w:rsidRDefault="0014091F" w:rsidP="0014091F">
      <w:pPr>
        <w:pStyle w:val="NoSpacing"/>
        <w:rPr>
          <w:sz w:val="18"/>
        </w:rPr>
      </w:pPr>
      <w:r w:rsidRPr="001E0A23">
        <w:rPr>
          <w:sz w:val="18"/>
        </w:rPr>
        <w:tab/>
      </w:r>
      <w:r w:rsidRPr="001E0A23">
        <w:rPr>
          <w:sz w:val="18"/>
        </w:rPr>
        <w:tab/>
        <w:t>: \p\z\y\x\w0\t0.!exists t1 !exists t2 (!and (!earlier t0 t1) (!earlier t2 t0) (p z y x w0 (t1 t2)));</w:t>
      </w:r>
    </w:p>
    <w:p w:rsidR="0014091F" w:rsidRPr="001E0A23" w:rsidRDefault="0014091F" w:rsidP="0014091F">
      <w:pPr>
        <w:pStyle w:val="NoSpacing"/>
        <w:rPr>
          <w:sz w:val="18"/>
        </w:rPr>
      </w:pPr>
      <w:r w:rsidRPr="001E0A23">
        <w:rPr>
          <w:sz w:val="18"/>
        </w:rPr>
        <w:t xml:space="preserve">-ir </w:t>
      </w:r>
      <w:r w:rsidRPr="001E0A23">
        <w:rPr>
          <w:sz w:val="18"/>
        </w:rPr>
        <w:tab/>
        <w:t xml:space="preserve">c := (((vp[vp=?x,mod=false,pos=4]\np)\np)\np)\\(((vp[vp=?x,pos=2]\np)\np)\np) </w:t>
      </w:r>
    </w:p>
    <w:p w:rsidR="0014091F" w:rsidRPr="001E0A23" w:rsidRDefault="0014091F" w:rsidP="0014091F">
      <w:pPr>
        <w:pStyle w:val="NoSpacing"/>
        <w:rPr>
          <w:sz w:val="18"/>
        </w:rPr>
      </w:pPr>
      <w:r w:rsidRPr="001E0A23">
        <w:rPr>
          <w:sz w:val="18"/>
        </w:rPr>
        <w:tab/>
      </w:r>
      <w:r w:rsidRPr="001E0A23">
        <w:rPr>
          <w:sz w:val="18"/>
        </w:rPr>
        <w:tab/>
        <w:t>: \p\z\y\x\w0\t0.!exists t (p z y x w0 t);</w:t>
      </w:r>
    </w:p>
    <w:p w:rsidR="0014091F" w:rsidRPr="001E0A23" w:rsidRDefault="00A15CF1"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np)\np)\np)\\(((vp[vp=?x,pos=2]\np)\np)\np) </w:t>
      </w:r>
    </w:p>
    <w:p w:rsidR="0014091F" w:rsidRPr="001E0A23" w:rsidRDefault="0014091F" w:rsidP="0014091F">
      <w:pPr>
        <w:pStyle w:val="NoSpacing"/>
        <w:rPr>
          <w:sz w:val="18"/>
        </w:rPr>
      </w:pPr>
      <w:r w:rsidRPr="001E0A23">
        <w:rPr>
          <w:sz w:val="18"/>
        </w:rPr>
        <w:tab/>
      </w:r>
      <w:r w:rsidRPr="001E0A23">
        <w:rPr>
          <w:sz w:val="18"/>
        </w:rPr>
        <w:tab/>
        <w:t>: \p\z\y\x\w0\t0.!exists t (p z y x w0 t);</w:t>
      </w:r>
    </w:p>
    <w:p w:rsidR="0014091F" w:rsidRPr="001E0A23" w:rsidRDefault="0014091F" w:rsidP="0014091F">
      <w:pPr>
        <w:pStyle w:val="NoSpacing"/>
        <w:rPr>
          <w:sz w:val="18"/>
        </w:rPr>
      </w:pPr>
      <w:r w:rsidRPr="001E0A23">
        <w:rPr>
          <w:sz w:val="18"/>
        </w:rPr>
        <w:t xml:space="preserve">-ecek </w:t>
      </w:r>
      <w:r w:rsidRPr="001E0A23">
        <w:rPr>
          <w:sz w:val="18"/>
        </w:rPr>
        <w:tab/>
        <w:t xml:space="preserve">c := (((vp[vp=?x,mod=false,pos=4]\np)\np)\np)\\(((vp[vp=?x,pos=2]\np)\np)\np) </w:t>
      </w:r>
    </w:p>
    <w:p w:rsidR="0014091F" w:rsidRPr="001E0A23" w:rsidRDefault="0014091F" w:rsidP="0014091F">
      <w:pPr>
        <w:pStyle w:val="NoSpacing"/>
        <w:rPr>
          <w:sz w:val="18"/>
        </w:rPr>
      </w:pPr>
      <w:r w:rsidRPr="001E0A23">
        <w:rPr>
          <w:sz w:val="18"/>
        </w:rPr>
        <w:tab/>
      </w:r>
      <w:r w:rsidRPr="001E0A23">
        <w:rPr>
          <w:sz w:val="18"/>
        </w:rPr>
        <w:tab/>
        <w:t>: \p\z\y\x\w0\t0.!exists t (!and (!earlier t t0) (p z y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passive intransitive pos=3</w:t>
      </w:r>
    </w:p>
    <w:p w:rsidR="0014091F" w:rsidRPr="001E0A23" w:rsidRDefault="0014091F" w:rsidP="0014091F">
      <w:pPr>
        <w:pStyle w:val="NoSpacing"/>
        <w:rPr>
          <w:sz w:val="18"/>
        </w:rPr>
      </w:pPr>
      <w:r w:rsidRPr="001E0A23">
        <w:rPr>
          <w:sz w:val="18"/>
        </w:rPr>
        <w:t xml:space="preserve">-di </w:t>
      </w:r>
      <w:r w:rsidRPr="001E0A23">
        <w:rPr>
          <w:sz w:val="18"/>
        </w:rPr>
        <w:tab/>
        <w:t>c := vp[vp=?x,mod=false,pos=4]\\vp[vp=?x,pos=3]</w:t>
      </w:r>
    </w:p>
    <w:p w:rsidR="0014091F" w:rsidRPr="001E0A23" w:rsidRDefault="0014091F" w:rsidP="0014091F">
      <w:pPr>
        <w:pStyle w:val="NoSpacing"/>
        <w:rPr>
          <w:sz w:val="18"/>
        </w:rPr>
      </w:pPr>
      <w:r w:rsidRPr="001E0A23">
        <w:rPr>
          <w:sz w:val="18"/>
        </w:rPr>
        <w:tab/>
      </w:r>
      <w:r w:rsidRPr="001E0A23">
        <w:rPr>
          <w:sz w:val="18"/>
        </w:rPr>
        <w:tab/>
        <w:t>: \p\w0\t0.!exists t (!and (!earlier t0 t) (p w0 t) (!know (p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vp[vp=?x,pos=3] </w:t>
      </w:r>
    </w:p>
    <w:p w:rsidR="0014091F" w:rsidRPr="001E0A23" w:rsidRDefault="0014091F" w:rsidP="0014091F">
      <w:pPr>
        <w:pStyle w:val="NoSpacing"/>
        <w:rPr>
          <w:sz w:val="18"/>
        </w:rPr>
      </w:pPr>
      <w:r w:rsidRPr="001E0A23">
        <w:rPr>
          <w:sz w:val="18"/>
        </w:rPr>
        <w:tab/>
      </w:r>
      <w:r w:rsidRPr="001E0A23">
        <w:rPr>
          <w:sz w:val="18"/>
        </w:rPr>
        <w:tab/>
        <w:t>: \p\w0\t0.!exists t (!and (!earlier t0 t) (p w0 t) (!not (!know (p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vp[vp=?x,pos=3] </w:t>
      </w:r>
    </w:p>
    <w:p w:rsidR="0014091F" w:rsidRPr="001E0A23" w:rsidRDefault="0014091F" w:rsidP="0014091F">
      <w:pPr>
        <w:pStyle w:val="NoSpacing"/>
        <w:rPr>
          <w:sz w:val="18"/>
        </w:rPr>
      </w:pPr>
      <w:r w:rsidRPr="001E0A23">
        <w:rPr>
          <w:sz w:val="18"/>
        </w:rPr>
        <w:tab/>
      </w:r>
      <w:r w:rsidRPr="001E0A23">
        <w:rPr>
          <w:sz w:val="18"/>
        </w:rPr>
        <w:tab/>
        <w:t>: \p\w0\t0.!exists t1 !exists t2 (!and (!earlier t0 t1) (!earlier t2 t0) (p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vp[vp=?x,pos=3] </w:t>
      </w:r>
    </w:p>
    <w:p w:rsidR="0014091F" w:rsidRPr="001E0A23" w:rsidRDefault="0014091F" w:rsidP="0014091F">
      <w:pPr>
        <w:pStyle w:val="NoSpacing"/>
        <w:rPr>
          <w:sz w:val="18"/>
        </w:rPr>
      </w:pPr>
      <w:r w:rsidRPr="001E0A23">
        <w:rPr>
          <w:sz w:val="18"/>
        </w:rPr>
        <w:tab/>
      </w:r>
      <w:r w:rsidRPr="001E0A23">
        <w:rPr>
          <w:sz w:val="18"/>
        </w:rPr>
        <w:tab/>
        <w:t>: \p\w0\t0.!exists t1 !exists t2 (!and (!earlier t0 t1) (!earlier t2 t0) (p w0 (t1 t2)));</w:t>
      </w:r>
    </w:p>
    <w:p w:rsidR="00A15CF1" w:rsidRPr="001E0A23" w:rsidRDefault="0014091F" w:rsidP="0014091F">
      <w:pPr>
        <w:pStyle w:val="NoSpacing"/>
        <w:rPr>
          <w:sz w:val="18"/>
        </w:rPr>
      </w:pPr>
      <w:r w:rsidRPr="001E0A23">
        <w:rPr>
          <w:sz w:val="18"/>
        </w:rPr>
        <w:t xml:space="preserve">-ir </w:t>
      </w:r>
      <w:r w:rsidRPr="001E0A23">
        <w:rPr>
          <w:sz w:val="18"/>
        </w:rPr>
        <w:tab/>
        <w:t xml:space="preserve">c := vp[vp=?x,mod=false,pos=4]\\vp[vp=?x,pos=3] </w:t>
      </w:r>
    </w:p>
    <w:p w:rsidR="0014091F" w:rsidRPr="001E0A23" w:rsidRDefault="00A15CF1" w:rsidP="0014091F">
      <w:pPr>
        <w:pStyle w:val="NoSpacing"/>
        <w:rPr>
          <w:sz w:val="18"/>
        </w:rPr>
      </w:pPr>
      <w:r w:rsidRPr="001E0A23">
        <w:rPr>
          <w:sz w:val="18"/>
        </w:rPr>
        <w:tab/>
      </w:r>
      <w:r w:rsidRPr="001E0A23">
        <w:rPr>
          <w:sz w:val="18"/>
        </w:rPr>
        <w:tab/>
      </w:r>
      <w:r w:rsidR="0014091F" w:rsidRPr="001E0A23">
        <w:rPr>
          <w:sz w:val="18"/>
        </w:rPr>
        <w:t>: \p\w0\t0.!exists t (p w0 t);</w:t>
      </w:r>
    </w:p>
    <w:p w:rsidR="00A15CF1" w:rsidRPr="001E0A23" w:rsidRDefault="00A15CF1"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vp[vp=?x,pos=3] </w:t>
      </w:r>
    </w:p>
    <w:p w:rsidR="0014091F" w:rsidRPr="001E0A23" w:rsidRDefault="00A15CF1" w:rsidP="0014091F">
      <w:pPr>
        <w:pStyle w:val="NoSpacing"/>
        <w:rPr>
          <w:sz w:val="18"/>
        </w:rPr>
      </w:pPr>
      <w:r w:rsidRPr="001E0A23">
        <w:rPr>
          <w:sz w:val="18"/>
        </w:rPr>
        <w:tab/>
      </w:r>
      <w:r w:rsidRPr="001E0A23">
        <w:rPr>
          <w:sz w:val="18"/>
        </w:rPr>
        <w:tab/>
      </w:r>
      <w:r w:rsidR="0014091F" w:rsidRPr="001E0A23">
        <w:rPr>
          <w:sz w:val="18"/>
        </w:rPr>
        <w:t>: \p\w0\t0.!exists t (p w0 t);</w:t>
      </w:r>
    </w:p>
    <w:p w:rsidR="00A15CF1" w:rsidRPr="001E0A23" w:rsidRDefault="0014091F" w:rsidP="0014091F">
      <w:pPr>
        <w:pStyle w:val="NoSpacing"/>
        <w:rPr>
          <w:sz w:val="18"/>
        </w:rPr>
      </w:pPr>
      <w:r w:rsidRPr="001E0A23">
        <w:rPr>
          <w:sz w:val="18"/>
        </w:rPr>
        <w:t xml:space="preserve">-ecek </w:t>
      </w:r>
      <w:r w:rsidRPr="001E0A23">
        <w:rPr>
          <w:sz w:val="18"/>
        </w:rPr>
        <w:tab/>
        <w:t xml:space="preserve">c := vp[vp=?x,mod=false,pos=4]\\vp[vp=?x,pos=3] </w:t>
      </w:r>
    </w:p>
    <w:p w:rsidR="0014091F" w:rsidRPr="001E0A23" w:rsidRDefault="00A15CF1" w:rsidP="0014091F">
      <w:pPr>
        <w:pStyle w:val="NoSpacing"/>
        <w:rPr>
          <w:sz w:val="18"/>
        </w:rPr>
      </w:pPr>
      <w:r w:rsidRPr="001E0A23">
        <w:rPr>
          <w:sz w:val="18"/>
        </w:rPr>
        <w:tab/>
      </w:r>
      <w:r w:rsidRPr="001E0A23">
        <w:rPr>
          <w:sz w:val="18"/>
        </w:rPr>
        <w:tab/>
      </w:r>
      <w:r w:rsidR="0014091F" w:rsidRPr="001E0A23">
        <w:rPr>
          <w:sz w:val="18"/>
        </w:rPr>
        <w:t>: \p\w0\t0.!exists t (!and (!earlier t t0) (p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intransitive pos=3</w:t>
      </w:r>
    </w:p>
    <w:p w:rsidR="0014091F" w:rsidRPr="001E0A23" w:rsidRDefault="0014091F" w:rsidP="0014091F">
      <w:pPr>
        <w:pStyle w:val="NoSpacing"/>
        <w:rPr>
          <w:sz w:val="18"/>
        </w:rPr>
      </w:pPr>
      <w:r w:rsidRPr="001E0A23">
        <w:rPr>
          <w:sz w:val="18"/>
        </w:rPr>
        <w:t xml:space="preserve">-di </w:t>
      </w:r>
      <w:r w:rsidRPr="001E0A23">
        <w:rPr>
          <w:sz w:val="18"/>
        </w:rPr>
        <w:tab/>
        <w:t xml:space="preserve">c := (vp[vp=?x,mod=false,pos=4]\np)\\(vp[vp=?x,pos=3]\np) </w:t>
      </w:r>
    </w:p>
    <w:p w:rsidR="0014091F" w:rsidRPr="001E0A23" w:rsidRDefault="0014091F" w:rsidP="0014091F">
      <w:pPr>
        <w:pStyle w:val="NoSpacing"/>
        <w:rPr>
          <w:sz w:val="18"/>
        </w:rPr>
      </w:pPr>
      <w:r w:rsidRPr="001E0A23">
        <w:rPr>
          <w:sz w:val="18"/>
        </w:rPr>
        <w:tab/>
      </w:r>
      <w:r w:rsidRPr="001E0A23">
        <w:rPr>
          <w:sz w:val="18"/>
        </w:rPr>
        <w:tab/>
        <w:t>: \p\x\w0\t0.!exists t (!and (!earlier t0 t) (p x w0 t) (!know (p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vp[vp=?x,pos=3]\np) </w:t>
      </w:r>
    </w:p>
    <w:p w:rsidR="0014091F" w:rsidRPr="001E0A23" w:rsidRDefault="0014091F" w:rsidP="0014091F">
      <w:pPr>
        <w:pStyle w:val="NoSpacing"/>
        <w:rPr>
          <w:sz w:val="18"/>
        </w:rPr>
      </w:pPr>
      <w:r w:rsidRPr="001E0A23">
        <w:rPr>
          <w:sz w:val="18"/>
        </w:rPr>
        <w:tab/>
      </w:r>
      <w:r w:rsidRPr="001E0A23">
        <w:rPr>
          <w:sz w:val="18"/>
        </w:rPr>
        <w:tab/>
        <w:t>: \p\x\w0\t0.!exists t (!and (!earlier t0 t) (p x w0 t) (!not (!know (p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vp[vp=?x,pos=3]\np) </w:t>
      </w:r>
    </w:p>
    <w:p w:rsidR="0014091F" w:rsidRPr="001E0A23" w:rsidRDefault="0014091F" w:rsidP="0014091F">
      <w:pPr>
        <w:pStyle w:val="NoSpacing"/>
        <w:rPr>
          <w:sz w:val="18"/>
        </w:rPr>
      </w:pPr>
      <w:r w:rsidRPr="001E0A23">
        <w:rPr>
          <w:sz w:val="18"/>
        </w:rPr>
        <w:tab/>
      </w:r>
      <w:r w:rsidRPr="001E0A23">
        <w:rPr>
          <w:sz w:val="18"/>
        </w:rPr>
        <w:tab/>
        <w:t>: \p\x\w0\t0.!exists t1 !exists t2 (!and (!earlier t0 t1) (!earlier t2 t0) (p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vp[vp=?x,pos=3]\np) </w:t>
      </w:r>
    </w:p>
    <w:p w:rsidR="0014091F" w:rsidRPr="001E0A23" w:rsidRDefault="0014091F" w:rsidP="0014091F">
      <w:pPr>
        <w:pStyle w:val="NoSpacing"/>
        <w:rPr>
          <w:sz w:val="18"/>
        </w:rPr>
      </w:pPr>
      <w:r w:rsidRPr="001E0A23">
        <w:rPr>
          <w:sz w:val="18"/>
        </w:rPr>
        <w:tab/>
      </w:r>
      <w:r w:rsidRPr="001E0A23">
        <w:rPr>
          <w:sz w:val="18"/>
        </w:rPr>
        <w:tab/>
        <w:t>: \p\x\w0\t0.!exists t1 !exists t2 (!and (!earlier t0 t1) (!earlier t2 t0) (p x w0 (t1 t2)));</w:t>
      </w:r>
    </w:p>
    <w:p w:rsidR="008D3A64" w:rsidRPr="001E0A23" w:rsidRDefault="0014091F" w:rsidP="0014091F">
      <w:pPr>
        <w:pStyle w:val="NoSpacing"/>
        <w:rPr>
          <w:sz w:val="18"/>
        </w:rPr>
      </w:pPr>
      <w:r w:rsidRPr="001E0A23">
        <w:rPr>
          <w:sz w:val="18"/>
        </w:rPr>
        <w:t xml:space="preserve">-ir </w:t>
      </w:r>
      <w:r w:rsidRPr="001E0A23">
        <w:rPr>
          <w:sz w:val="18"/>
        </w:rPr>
        <w:tab/>
        <w:t xml:space="preserve">c := (vp[vp=?x,mod=false,pos=4]\np)\\(vp[vp=?x,pos=3]\np) </w:t>
      </w:r>
    </w:p>
    <w:p w:rsidR="0014091F" w:rsidRPr="001E0A23" w:rsidRDefault="008D3A64" w:rsidP="0014091F">
      <w:pPr>
        <w:pStyle w:val="NoSpacing"/>
        <w:rPr>
          <w:sz w:val="18"/>
        </w:rPr>
      </w:pPr>
      <w:r w:rsidRPr="001E0A23">
        <w:rPr>
          <w:sz w:val="18"/>
        </w:rPr>
        <w:tab/>
      </w:r>
      <w:r w:rsidRPr="001E0A23">
        <w:rPr>
          <w:sz w:val="18"/>
        </w:rPr>
        <w:tab/>
      </w:r>
      <w:r w:rsidR="0014091F" w:rsidRPr="001E0A23">
        <w:rPr>
          <w:sz w:val="18"/>
        </w:rPr>
        <w:t>: \p\x\w0\t0.!exists t (p x w0 t);</w:t>
      </w:r>
    </w:p>
    <w:p w:rsidR="008D3A64" w:rsidRPr="001E0A23" w:rsidRDefault="008D3A64"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np)\\(vp[vp=?x,pos=3]\np) </w:t>
      </w:r>
    </w:p>
    <w:p w:rsidR="0014091F" w:rsidRPr="001E0A23" w:rsidRDefault="008D3A64" w:rsidP="0014091F">
      <w:pPr>
        <w:pStyle w:val="NoSpacing"/>
        <w:rPr>
          <w:sz w:val="18"/>
        </w:rPr>
      </w:pPr>
      <w:r w:rsidRPr="001E0A23">
        <w:rPr>
          <w:sz w:val="18"/>
        </w:rPr>
        <w:lastRenderedPageBreak/>
        <w:tab/>
      </w:r>
      <w:r w:rsidRPr="001E0A23">
        <w:rPr>
          <w:sz w:val="18"/>
        </w:rPr>
        <w:tab/>
      </w:r>
      <w:r w:rsidR="0014091F" w:rsidRPr="001E0A23">
        <w:rPr>
          <w:sz w:val="18"/>
        </w:rPr>
        <w:t>: \p\x\w0\t0.!exists t (p x w0 t);</w:t>
      </w:r>
    </w:p>
    <w:p w:rsidR="008D3A64" w:rsidRPr="001E0A23" w:rsidRDefault="0014091F" w:rsidP="0014091F">
      <w:pPr>
        <w:pStyle w:val="NoSpacing"/>
        <w:rPr>
          <w:sz w:val="18"/>
        </w:rPr>
      </w:pPr>
      <w:r w:rsidRPr="001E0A23">
        <w:rPr>
          <w:sz w:val="18"/>
        </w:rPr>
        <w:t xml:space="preserve">-ecek </w:t>
      </w:r>
      <w:r w:rsidRPr="001E0A23">
        <w:rPr>
          <w:sz w:val="18"/>
        </w:rPr>
        <w:tab/>
        <w:t xml:space="preserve">c := (vp[vp=?x,mod=false,pos=4]\np)\\(vp[vp=?x,pos=3]\np) </w:t>
      </w:r>
    </w:p>
    <w:p w:rsidR="0014091F" w:rsidRPr="001E0A23" w:rsidRDefault="008D3A64" w:rsidP="0014091F">
      <w:pPr>
        <w:pStyle w:val="NoSpacing"/>
        <w:rPr>
          <w:sz w:val="18"/>
        </w:rPr>
      </w:pPr>
      <w:r w:rsidRPr="001E0A23">
        <w:rPr>
          <w:sz w:val="18"/>
        </w:rPr>
        <w:tab/>
      </w:r>
      <w:r w:rsidRPr="001E0A23">
        <w:rPr>
          <w:sz w:val="18"/>
        </w:rPr>
        <w:tab/>
      </w:r>
      <w:r w:rsidR="0014091F" w:rsidRPr="001E0A23">
        <w:rPr>
          <w:sz w:val="18"/>
        </w:rPr>
        <w:t>: \p\x\w0\t0.!exists t (!and (!earlier t t0) (p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transitive pos=3</w:t>
      </w:r>
    </w:p>
    <w:p w:rsidR="0014091F" w:rsidRPr="001E0A23" w:rsidRDefault="0014091F" w:rsidP="0014091F">
      <w:pPr>
        <w:pStyle w:val="NoSpacing"/>
        <w:rPr>
          <w:sz w:val="18"/>
        </w:rPr>
      </w:pPr>
      <w:r w:rsidRPr="001E0A23">
        <w:rPr>
          <w:sz w:val="18"/>
        </w:rPr>
        <w:t xml:space="preserve">-di </w:t>
      </w:r>
      <w:r w:rsidRPr="001E0A23">
        <w:rPr>
          <w:sz w:val="18"/>
        </w:rPr>
        <w:tab/>
        <w:t xml:space="preserve">c := ((vp[vp=?x,mod=false,pos=4]\np)\np)\\((vp[vp=?x,pos=3]\np)\np) </w:t>
      </w:r>
    </w:p>
    <w:p w:rsidR="0014091F" w:rsidRPr="001E0A23" w:rsidRDefault="0014091F" w:rsidP="0014091F">
      <w:pPr>
        <w:pStyle w:val="NoSpacing"/>
        <w:rPr>
          <w:sz w:val="18"/>
        </w:rPr>
      </w:pPr>
      <w:r w:rsidRPr="001E0A23">
        <w:rPr>
          <w:sz w:val="18"/>
        </w:rPr>
        <w:tab/>
      </w:r>
      <w:r w:rsidRPr="001E0A23">
        <w:rPr>
          <w:sz w:val="18"/>
        </w:rPr>
        <w:tab/>
        <w:t>: \p\y\x\w0\t0.!exists t (!and (!earlier t0 t) (p y x w0 t) (!know (p y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np)\\((vp[vp=?x,pos=3]\np)\np) </w:t>
      </w:r>
    </w:p>
    <w:p w:rsidR="0014091F" w:rsidRPr="001E0A23" w:rsidRDefault="0014091F" w:rsidP="0014091F">
      <w:pPr>
        <w:pStyle w:val="NoSpacing"/>
        <w:rPr>
          <w:sz w:val="18"/>
        </w:rPr>
      </w:pPr>
      <w:r w:rsidRPr="001E0A23">
        <w:rPr>
          <w:sz w:val="18"/>
        </w:rPr>
        <w:tab/>
      </w:r>
      <w:r w:rsidRPr="001E0A23">
        <w:rPr>
          <w:sz w:val="18"/>
        </w:rPr>
        <w:tab/>
        <w:t>: \p\y\x\w0\t0.!exists t (!and (!earlier t0 t) (p y x w0 t) (!not (!know (p y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np)\\((vp[vp=?x,pos=3]\np)\np) </w:t>
      </w:r>
    </w:p>
    <w:p w:rsidR="0014091F" w:rsidRPr="001E0A23" w:rsidRDefault="0014091F" w:rsidP="0014091F">
      <w:pPr>
        <w:pStyle w:val="NoSpacing"/>
        <w:rPr>
          <w:sz w:val="18"/>
        </w:rPr>
      </w:pPr>
      <w:r w:rsidRPr="001E0A23">
        <w:rPr>
          <w:sz w:val="18"/>
        </w:rPr>
        <w:tab/>
      </w:r>
      <w:r w:rsidRPr="001E0A23">
        <w:rPr>
          <w:sz w:val="18"/>
        </w:rPr>
        <w:tab/>
        <w:t>: \p\y\x\w0\t0.!exists t1 !exists t2 (!and (!earlier t0 t1) (!earlier t2 t0) (p y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np)\\((vp[vp=?x,pos=3]\np)\np) </w:t>
      </w:r>
    </w:p>
    <w:p w:rsidR="0014091F" w:rsidRPr="001E0A23" w:rsidRDefault="0014091F" w:rsidP="0014091F">
      <w:pPr>
        <w:pStyle w:val="NoSpacing"/>
        <w:rPr>
          <w:sz w:val="18"/>
        </w:rPr>
      </w:pPr>
      <w:r w:rsidRPr="001E0A23">
        <w:rPr>
          <w:sz w:val="18"/>
        </w:rPr>
        <w:tab/>
      </w:r>
      <w:r w:rsidRPr="001E0A23">
        <w:rPr>
          <w:sz w:val="18"/>
        </w:rPr>
        <w:tab/>
        <w:t>: \p\y\x\w0\t0.!exists t1 !exists t2 (!and (!earlier t0 t1) (!earlier t2 t0) (p y x w0 (t1 t2)));</w:t>
      </w:r>
    </w:p>
    <w:p w:rsidR="008D3A64" w:rsidRPr="001E0A23" w:rsidRDefault="0014091F" w:rsidP="0014091F">
      <w:pPr>
        <w:pStyle w:val="NoSpacing"/>
        <w:rPr>
          <w:sz w:val="18"/>
        </w:rPr>
      </w:pPr>
      <w:r w:rsidRPr="001E0A23">
        <w:rPr>
          <w:sz w:val="18"/>
        </w:rPr>
        <w:t xml:space="preserve">-ir </w:t>
      </w:r>
      <w:r w:rsidRPr="001E0A23">
        <w:rPr>
          <w:sz w:val="18"/>
        </w:rPr>
        <w:tab/>
        <w:t xml:space="preserve">c := ((vp[vp=?x,mod=false,pos=4]\np)\np)\\((vp[vp=?x,pos=3]\np)\np) </w:t>
      </w:r>
    </w:p>
    <w:p w:rsidR="0014091F" w:rsidRPr="001E0A23" w:rsidRDefault="008D3A64" w:rsidP="0014091F">
      <w:pPr>
        <w:pStyle w:val="NoSpacing"/>
        <w:rPr>
          <w:sz w:val="18"/>
        </w:rPr>
      </w:pPr>
      <w:r w:rsidRPr="001E0A23">
        <w:rPr>
          <w:sz w:val="18"/>
        </w:rPr>
        <w:tab/>
      </w:r>
      <w:r w:rsidRPr="001E0A23">
        <w:rPr>
          <w:sz w:val="18"/>
        </w:rPr>
        <w:tab/>
      </w:r>
      <w:r w:rsidR="0014091F" w:rsidRPr="001E0A23">
        <w:rPr>
          <w:sz w:val="18"/>
        </w:rPr>
        <w:t>: \p\y\x\w0\t0.!exists t (p y x w0 t);</w:t>
      </w:r>
    </w:p>
    <w:p w:rsidR="008D3A64" w:rsidRPr="001E0A23" w:rsidRDefault="008D3A64"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np)\np)\\((vp[vp=?x,pos=3]\np)\np) </w:t>
      </w:r>
    </w:p>
    <w:p w:rsidR="0014091F" w:rsidRPr="001E0A23" w:rsidRDefault="008D3A64" w:rsidP="0014091F">
      <w:pPr>
        <w:pStyle w:val="NoSpacing"/>
        <w:rPr>
          <w:sz w:val="18"/>
        </w:rPr>
      </w:pPr>
      <w:r w:rsidRPr="001E0A23">
        <w:rPr>
          <w:sz w:val="18"/>
        </w:rPr>
        <w:tab/>
      </w:r>
      <w:r w:rsidRPr="001E0A23">
        <w:rPr>
          <w:sz w:val="18"/>
        </w:rPr>
        <w:tab/>
      </w:r>
      <w:r w:rsidR="0014091F" w:rsidRPr="001E0A23">
        <w:rPr>
          <w:sz w:val="18"/>
        </w:rPr>
        <w:t>: \p\y\x\w0\t0.!exists t (p y x w0 t);</w:t>
      </w:r>
    </w:p>
    <w:p w:rsidR="008D3A64" w:rsidRPr="001E0A23" w:rsidRDefault="0014091F" w:rsidP="0014091F">
      <w:pPr>
        <w:pStyle w:val="NoSpacing"/>
        <w:rPr>
          <w:sz w:val="18"/>
        </w:rPr>
      </w:pPr>
      <w:r w:rsidRPr="001E0A23">
        <w:rPr>
          <w:sz w:val="18"/>
        </w:rPr>
        <w:t xml:space="preserve">-ecek </w:t>
      </w:r>
      <w:r w:rsidRPr="001E0A23">
        <w:rPr>
          <w:sz w:val="18"/>
        </w:rPr>
        <w:tab/>
        <w:t xml:space="preserve">c := ((vp[vp=?x,mod=false,pos=4]\np)\np)\\((vp[vp=?x,pos=3]\np)\np) </w:t>
      </w:r>
    </w:p>
    <w:p w:rsidR="0014091F" w:rsidRPr="001E0A23" w:rsidRDefault="008D3A64" w:rsidP="0014091F">
      <w:pPr>
        <w:pStyle w:val="NoSpacing"/>
        <w:rPr>
          <w:sz w:val="18"/>
        </w:rPr>
      </w:pPr>
      <w:r w:rsidRPr="001E0A23">
        <w:rPr>
          <w:sz w:val="18"/>
        </w:rPr>
        <w:tab/>
      </w:r>
      <w:r w:rsidRPr="001E0A23">
        <w:rPr>
          <w:sz w:val="18"/>
        </w:rPr>
        <w:tab/>
      </w:r>
      <w:r w:rsidR="0014091F" w:rsidRPr="001E0A23">
        <w:rPr>
          <w:sz w:val="18"/>
        </w:rPr>
        <w:t>: \p\y\x\w0\t0.!exists t (!and (!earlier t t0) (p y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imple aspects: transitive causative pos=3</w:t>
      </w:r>
    </w:p>
    <w:p w:rsidR="0014091F" w:rsidRPr="001E0A23" w:rsidRDefault="0014091F" w:rsidP="0014091F">
      <w:pPr>
        <w:pStyle w:val="NoSpacing"/>
        <w:rPr>
          <w:sz w:val="18"/>
        </w:rPr>
      </w:pPr>
      <w:r w:rsidRPr="001E0A23">
        <w:rPr>
          <w:sz w:val="18"/>
        </w:rPr>
        <w:t xml:space="preserve">-di </w:t>
      </w:r>
      <w:r w:rsidRPr="001E0A23">
        <w:rPr>
          <w:sz w:val="18"/>
        </w:rPr>
        <w:tab/>
        <w:t xml:space="preserve">c := (((vp[vp=?x,mod=false,pos=4]\np)\np)\np)\\(((vp[vp=?x,pos=3]\np)\np)\np) </w:t>
      </w:r>
    </w:p>
    <w:p w:rsidR="0014091F" w:rsidRPr="001E0A23" w:rsidRDefault="0014091F" w:rsidP="0014091F">
      <w:pPr>
        <w:pStyle w:val="NoSpacing"/>
        <w:rPr>
          <w:sz w:val="18"/>
        </w:rPr>
      </w:pPr>
      <w:r w:rsidRPr="001E0A23">
        <w:rPr>
          <w:sz w:val="18"/>
        </w:rPr>
        <w:tab/>
      </w:r>
      <w:r w:rsidRPr="001E0A23">
        <w:rPr>
          <w:sz w:val="18"/>
        </w:rPr>
        <w:tab/>
        <w:t>: \p\z\y\x\w0\t0.!exists t (!and (!earlier t0 t) (p z y x w0 t) (!know (p z y x w0 t) !speaker w0 t));</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false,pos=4]\np)\np)\np)\\(((vp[vp=?x,pos=3]\np)\np)\np) </w:t>
      </w:r>
    </w:p>
    <w:p w:rsidR="0014091F" w:rsidRPr="001E0A23" w:rsidRDefault="0014091F" w:rsidP="0014091F">
      <w:pPr>
        <w:pStyle w:val="NoSpacing"/>
        <w:rPr>
          <w:sz w:val="18"/>
        </w:rPr>
      </w:pPr>
      <w:r w:rsidRPr="001E0A23">
        <w:rPr>
          <w:sz w:val="18"/>
        </w:rPr>
        <w:tab/>
      </w:r>
      <w:r w:rsidRPr="001E0A23">
        <w:rPr>
          <w:sz w:val="18"/>
        </w:rPr>
        <w:tab/>
        <w:t>: \p\z\y\x\w0\t0.!exists t (!and (!earlier t0 t) (p z y x w0 t) (!not (!know (p z y x w0 t) !speaker w0 t)));</w:t>
      </w:r>
    </w:p>
    <w:p w:rsidR="0014091F" w:rsidRPr="001E0A23" w:rsidRDefault="0014091F" w:rsidP="0014091F">
      <w:pPr>
        <w:pStyle w:val="NoSpacing"/>
        <w:rPr>
          <w:sz w:val="18"/>
        </w:rPr>
      </w:pPr>
      <w:r w:rsidRPr="001E0A23">
        <w:rPr>
          <w:sz w:val="18"/>
        </w:rPr>
        <w:t xml:space="preserve">-iyor </w:t>
      </w:r>
      <w:r w:rsidRPr="001E0A23">
        <w:rPr>
          <w:sz w:val="18"/>
        </w:rPr>
        <w:tab/>
        <w:t xml:space="preserve">c := (((vp[vp=?x,mod=false,pos=4]\np)\np)\np)\\(((vp[vp=?x,pos=3]\np)\np)\np) </w:t>
      </w:r>
    </w:p>
    <w:p w:rsidR="0014091F" w:rsidRPr="001E0A23" w:rsidRDefault="0014091F" w:rsidP="0014091F">
      <w:pPr>
        <w:pStyle w:val="NoSpacing"/>
        <w:rPr>
          <w:sz w:val="18"/>
        </w:rPr>
      </w:pPr>
      <w:r w:rsidRPr="001E0A23">
        <w:rPr>
          <w:sz w:val="18"/>
        </w:rPr>
        <w:tab/>
      </w:r>
      <w:r w:rsidRPr="001E0A23">
        <w:rPr>
          <w:sz w:val="18"/>
        </w:rPr>
        <w:tab/>
        <w:t>: \p\z\y\x\w0\t0.!exists t1 !exists t2 (!and (!earlier t0 t1) (!earlier t2 t0) (p z y x w0 (t1 t2)));</w:t>
      </w:r>
    </w:p>
    <w:p w:rsidR="0014091F" w:rsidRPr="001E0A23" w:rsidRDefault="0014091F" w:rsidP="0014091F">
      <w:pPr>
        <w:pStyle w:val="NoSpacing"/>
        <w:rPr>
          <w:sz w:val="18"/>
        </w:rPr>
      </w:pPr>
      <w:r w:rsidRPr="001E0A23">
        <w:rPr>
          <w:sz w:val="18"/>
        </w:rPr>
        <w:t xml:space="preserve">-mekte </w:t>
      </w:r>
      <w:r w:rsidRPr="001E0A23">
        <w:rPr>
          <w:sz w:val="18"/>
        </w:rPr>
        <w:tab/>
        <w:t xml:space="preserve">c := (((vp[vp=?x,mod=false,pos=4]\np)\np)\np)\\(((vp[vp=?x,pos=3]\np)\np)\np) </w:t>
      </w:r>
    </w:p>
    <w:p w:rsidR="0014091F" w:rsidRPr="001E0A23" w:rsidRDefault="0014091F" w:rsidP="0014091F">
      <w:pPr>
        <w:pStyle w:val="NoSpacing"/>
        <w:rPr>
          <w:sz w:val="18"/>
        </w:rPr>
      </w:pPr>
      <w:r w:rsidRPr="001E0A23">
        <w:rPr>
          <w:sz w:val="18"/>
        </w:rPr>
        <w:tab/>
      </w:r>
      <w:r w:rsidRPr="001E0A23">
        <w:rPr>
          <w:sz w:val="18"/>
        </w:rPr>
        <w:tab/>
        <w:t>: \p\z\y\x\w0\t0.!exists t1 !exists t2 (!and (!earlier t0 t1) (!earlier t2 t0) (p z y x w0 (t1 t2)));</w:t>
      </w:r>
    </w:p>
    <w:p w:rsidR="0014091F" w:rsidRPr="001E0A23" w:rsidRDefault="0014091F" w:rsidP="0014091F">
      <w:pPr>
        <w:pStyle w:val="NoSpacing"/>
        <w:rPr>
          <w:sz w:val="18"/>
        </w:rPr>
      </w:pPr>
      <w:r w:rsidRPr="001E0A23">
        <w:rPr>
          <w:sz w:val="18"/>
        </w:rPr>
        <w:t xml:space="preserve">-ir </w:t>
      </w:r>
      <w:r w:rsidRPr="001E0A23">
        <w:rPr>
          <w:sz w:val="18"/>
        </w:rPr>
        <w:tab/>
        <w:t xml:space="preserve">c := (((vp[vp=?x,mod=false,pos=4]\np)\np)\np)\\(((vp[vp=?x,pos=3]\np)\np)\np) </w:t>
      </w:r>
    </w:p>
    <w:p w:rsidR="0014091F" w:rsidRPr="001E0A23" w:rsidRDefault="0014091F" w:rsidP="0014091F">
      <w:pPr>
        <w:pStyle w:val="NoSpacing"/>
        <w:rPr>
          <w:sz w:val="18"/>
        </w:rPr>
      </w:pPr>
      <w:r w:rsidRPr="001E0A23">
        <w:rPr>
          <w:sz w:val="18"/>
        </w:rPr>
        <w:tab/>
      </w:r>
      <w:r w:rsidRPr="001E0A23">
        <w:rPr>
          <w:sz w:val="18"/>
        </w:rPr>
        <w:tab/>
        <w:t>: \p\z\y\x\w0\t0.!exists t (p z y x w0 t);</w:t>
      </w:r>
    </w:p>
    <w:p w:rsidR="0014091F" w:rsidRPr="001E0A23" w:rsidRDefault="00D42F83" w:rsidP="0014091F">
      <w:pPr>
        <w:pStyle w:val="NoSpacing"/>
        <w:rPr>
          <w:sz w:val="18"/>
        </w:rPr>
      </w:pPr>
      <w:r w:rsidRPr="001E0A23">
        <w:rPr>
          <w:sz w:val="18"/>
        </w:rPr>
        <w:t xml:space="preserve">-z </w:t>
      </w:r>
      <w:r w:rsidRPr="001E0A23">
        <w:rPr>
          <w:sz w:val="18"/>
        </w:rPr>
        <w:tab/>
      </w:r>
      <w:r w:rsidR="0014091F" w:rsidRPr="001E0A23">
        <w:rPr>
          <w:sz w:val="18"/>
        </w:rPr>
        <w:t xml:space="preserve">c := (((vp[vp=?x,mod=false,pos=4]\np)\np)\np)\\(((vp[vp=?x,pos=3]\np)\np)\np) </w:t>
      </w:r>
    </w:p>
    <w:p w:rsidR="0014091F" w:rsidRPr="001E0A23" w:rsidRDefault="0014091F" w:rsidP="0014091F">
      <w:pPr>
        <w:pStyle w:val="NoSpacing"/>
        <w:rPr>
          <w:sz w:val="18"/>
        </w:rPr>
      </w:pPr>
      <w:r w:rsidRPr="001E0A23">
        <w:rPr>
          <w:sz w:val="18"/>
        </w:rPr>
        <w:tab/>
      </w:r>
      <w:r w:rsidRPr="001E0A23">
        <w:rPr>
          <w:sz w:val="18"/>
        </w:rPr>
        <w:tab/>
        <w:t>: \p\z\y\x\w0\t0.!exists t (p z y x w0 t);</w:t>
      </w:r>
    </w:p>
    <w:p w:rsidR="0014091F" w:rsidRPr="001E0A23" w:rsidRDefault="0014091F" w:rsidP="0014091F">
      <w:pPr>
        <w:pStyle w:val="NoSpacing"/>
        <w:rPr>
          <w:sz w:val="18"/>
        </w:rPr>
      </w:pPr>
      <w:r w:rsidRPr="001E0A23">
        <w:rPr>
          <w:sz w:val="18"/>
        </w:rPr>
        <w:t xml:space="preserve">-ecek </w:t>
      </w:r>
      <w:r w:rsidRPr="001E0A23">
        <w:rPr>
          <w:sz w:val="18"/>
        </w:rPr>
        <w:tab/>
        <w:t xml:space="preserve">c := (((vp[vp=?x,mod=false,pos=4]\np)\np)\np)\\(((vp[vp=?x,pos=3]\np)\np)\np) </w:t>
      </w:r>
    </w:p>
    <w:p w:rsidR="0014091F" w:rsidRPr="001E0A23" w:rsidRDefault="0014091F" w:rsidP="0014091F">
      <w:pPr>
        <w:pStyle w:val="NoSpacing"/>
        <w:rPr>
          <w:sz w:val="18"/>
        </w:rPr>
      </w:pPr>
      <w:r w:rsidRPr="001E0A23">
        <w:rPr>
          <w:sz w:val="18"/>
        </w:rPr>
        <w:tab/>
      </w:r>
      <w:r w:rsidRPr="001E0A23">
        <w:rPr>
          <w:sz w:val="18"/>
        </w:rPr>
        <w:tab/>
        <w:t>: \p\z\y\x\w0\t0.!exists t (!and (!earlier t t0) (p z y x w0 t));</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odalities: conditional, optative, obligative</w:t>
      </w:r>
    </w:p>
    <w:p w:rsidR="0014091F" w:rsidRPr="001E0A23" w:rsidRDefault="0014091F" w:rsidP="0014091F">
      <w:pPr>
        <w:pStyle w:val="NoSpacing"/>
        <w:rPr>
          <w:sz w:val="18"/>
        </w:rPr>
      </w:pPr>
      <w:r w:rsidRPr="001E0A23">
        <w:rPr>
          <w:sz w:val="18"/>
        </w:rPr>
        <w:t>%%%modalities: passive intransitive pos=0 %redundant</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vp[vp=?x,pos=0] </w:t>
      </w:r>
    </w:p>
    <w:p w:rsidR="0014091F" w:rsidRPr="001E0A23" w:rsidRDefault="0014091F" w:rsidP="0014091F">
      <w:pPr>
        <w:pStyle w:val="NoSpacing"/>
        <w:rPr>
          <w:sz w:val="18"/>
        </w:rPr>
      </w:pPr>
      <w:r w:rsidRPr="001E0A23">
        <w:rPr>
          <w:sz w:val="18"/>
        </w:rPr>
        <w:tab/>
      </w:r>
      <w:r w:rsidRPr="001E0A23">
        <w:rPr>
          <w:sz w:val="18"/>
        </w:rPr>
        <w:tab/>
        <w:t xml:space="preserve">: \p\s\w0\t0.!forall w_ref (!condition (p w_ref t0) (s w_ref t0)); </w:t>
      </w:r>
    </w:p>
    <w:p w:rsidR="00D95576" w:rsidRDefault="00D42F83"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vp[vp=?x,pos=0] </w:t>
      </w:r>
    </w:p>
    <w:p w:rsidR="0014091F" w:rsidRPr="001E0A23" w:rsidRDefault="00D95576" w:rsidP="0014091F">
      <w:pPr>
        <w:pStyle w:val="NoSpacing"/>
        <w:rPr>
          <w:sz w:val="18"/>
        </w:rPr>
      </w:pPr>
      <w:r>
        <w:rPr>
          <w:sz w:val="18"/>
        </w:rPr>
        <w:tab/>
      </w:r>
      <w:r>
        <w:rPr>
          <w:sz w:val="18"/>
        </w:rPr>
        <w:tab/>
      </w:r>
      <w:r w:rsidR="0014091F" w:rsidRPr="001E0A23">
        <w:rPr>
          <w:sz w:val="18"/>
        </w:rPr>
        <w:t>: \p\w0\t0.!forall w_mod (!condition (!congruent !speaker w0 w_mod) (p w_mod t0));</w:t>
      </w:r>
    </w:p>
    <w:p w:rsidR="000A3DE2" w:rsidRDefault="0014091F" w:rsidP="0014091F">
      <w:pPr>
        <w:pStyle w:val="NoSpacing"/>
        <w:rPr>
          <w:sz w:val="18"/>
        </w:rPr>
      </w:pPr>
      <w:r w:rsidRPr="001E0A23">
        <w:rPr>
          <w:sz w:val="18"/>
        </w:rPr>
        <w:t xml:space="preserve">-meli </w:t>
      </w:r>
      <w:r w:rsidRPr="001E0A23">
        <w:rPr>
          <w:sz w:val="18"/>
        </w:rPr>
        <w:tab/>
        <w:t xml:space="preserve">c := vp[vp=?x,mod=true,pos=4]\\vp[vp=?x,pos=0] </w:t>
      </w:r>
    </w:p>
    <w:p w:rsidR="0014091F" w:rsidRPr="001E0A23" w:rsidRDefault="000A3DE2" w:rsidP="0014091F">
      <w:pPr>
        <w:pStyle w:val="NoSpacing"/>
        <w:rPr>
          <w:sz w:val="18"/>
        </w:rPr>
      </w:pPr>
      <w:r>
        <w:rPr>
          <w:sz w:val="18"/>
        </w:rPr>
        <w:tab/>
      </w:r>
      <w:r>
        <w:rPr>
          <w:sz w:val="18"/>
        </w:rPr>
        <w:tab/>
      </w:r>
      <w:r w:rsidR="0014091F" w:rsidRPr="001E0A23">
        <w:rPr>
          <w:sz w:val="18"/>
        </w:rPr>
        <w:t>: \p\w0\t0.!forall w_mod (!condition (!congruent !speaker w0 w_mod) (p w_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odalities: intransitive pos=0</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np)\\(vp[vp=?x,pos=0]\np) </w:t>
      </w:r>
    </w:p>
    <w:p w:rsidR="0014091F" w:rsidRPr="001E0A23" w:rsidRDefault="00D42F83" w:rsidP="0014091F">
      <w:pPr>
        <w:pStyle w:val="NoSpacing"/>
        <w:rPr>
          <w:sz w:val="18"/>
        </w:rPr>
      </w:pPr>
      <w:r w:rsidRPr="001E0A23">
        <w:rPr>
          <w:sz w:val="18"/>
        </w:rPr>
        <w:tab/>
      </w:r>
      <w:r w:rsidR="0014091F" w:rsidRPr="001E0A23">
        <w:rPr>
          <w:sz w:val="18"/>
        </w:rPr>
        <w:tab/>
        <w:t xml:space="preserve">: \p\x\s\w0\t0.!forall w_ref (!condition (p x w_ref t0) (s w_ref t0)); </w:t>
      </w:r>
    </w:p>
    <w:p w:rsidR="0014091F" w:rsidRPr="001E0A23" w:rsidRDefault="00D42F83"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np)\\(vp[vp=?x,pos=0]\np) </w:t>
      </w:r>
    </w:p>
    <w:p w:rsidR="0014091F" w:rsidRPr="001E0A23" w:rsidRDefault="0014091F" w:rsidP="0014091F">
      <w:pPr>
        <w:pStyle w:val="NoSpacing"/>
        <w:rPr>
          <w:sz w:val="18"/>
        </w:rPr>
      </w:pPr>
      <w:r w:rsidRPr="001E0A23">
        <w:rPr>
          <w:sz w:val="18"/>
        </w:rPr>
        <w:tab/>
      </w:r>
      <w:r w:rsidRPr="001E0A23">
        <w:rPr>
          <w:sz w:val="18"/>
        </w:rPr>
        <w:tab/>
        <w:t>: \p\x\w0\t0.!forall w_mod (!condition (!congruent !speaker w0 w_mod) (p x w_mod t0));</w:t>
      </w:r>
    </w:p>
    <w:p w:rsidR="0014091F" w:rsidRPr="001E0A23" w:rsidRDefault="0014091F" w:rsidP="0014091F">
      <w:pPr>
        <w:pStyle w:val="NoSpacing"/>
        <w:rPr>
          <w:sz w:val="18"/>
        </w:rPr>
      </w:pPr>
      <w:r w:rsidRPr="001E0A23">
        <w:rPr>
          <w:sz w:val="18"/>
        </w:rPr>
        <w:t xml:space="preserve">-meli </w:t>
      </w:r>
      <w:r w:rsidRPr="001E0A23">
        <w:rPr>
          <w:sz w:val="18"/>
        </w:rPr>
        <w:tab/>
        <w:t xml:space="preserve">c := (vp[vp=?x,mod=true,pos=4]\np)\\(vp[vp=?x,pos=0]\np) </w:t>
      </w:r>
    </w:p>
    <w:p w:rsidR="0014091F" w:rsidRPr="001E0A23" w:rsidRDefault="0014091F" w:rsidP="0014091F">
      <w:pPr>
        <w:pStyle w:val="NoSpacing"/>
        <w:rPr>
          <w:sz w:val="18"/>
        </w:rPr>
      </w:pPr>
      <w:r w:rsidRPr="001E0A23">
        <w:rPr>
          <w:sz w:val="18"/>
        </w:rPr>
        <w:tab/>
      </w:r>
      <w:r w:rsidRPr="001E0A23">
        <w:rPr>
          <w:sz w:val="18"/>
        </w:rPr>
        <w:tab/>
        <w:t>: \p\x\w0\t0.!forall w_mod (!condition (!congruent !speaker w0 w_mod) (p x w_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odalities: transitive pos=0</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np)\np)\\((vp[vp=?x,pos=0]\np)\np) </w:t>
      </w:r>
    </w:p>
    <w:p w:rsidR="0014091F" w:rsidRPr="001E0A23" w:rsidRDefault="00D42F83" w:rsidP="0014091F">
      <w:pPr>
        <w:pStyle w:val="NoSpacing"/>
        <w:rPr>
          <w:sz w:val="18"/>
        </w:rPr>
      </w:pPr>
      <w:r w:rsidRPr="001E0A23">
        <w:rPr>
          <w:sz w:val="18"/>
        </w:rPr>
        <w:tab/>
      </w:r>
      <w:r w:rsidR="0014091F" w:rsidRPr="001E0A23">
        <w:rPr>
          <w:sz w:val="18"/>
        </w:rPr>
        <w:tab/>
        <w:t xml:space="preserve">: \p\x\y\s\w0\t0.!forall w_ref (!condition (p x y w_ref t0) (s w_ref t0)); </w:t>
      </w:r>
    </w:p>
    <w:p w:rsidR="0014091F" w:rsidRPr="001E0A23" w:rsidRDefault="00D42F83"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np)\np)\\((vp[vp=?x,pos=0]\np)\np) </w:t>
      </w:r>
    </w:p>
    <w:p w:rsidR="0014091F" w:rsidRPr="001E0A23" w:rsidRDefault="0014091F" w:rsidP="0014091F">
      <w:pPr>
        <w:pStyle w:val="NoSpacing"/>
        <w:rPr>
          <w:sz w:val="18"/>
        </w:rPr>
      </w:pPr>
      <w:r w:rsidRPr="001E0A23">
        <w:rPr>
          <w:sz w:val="18"/>
        </w:rPr>
        <w:tab/>
      </w:r>
      <w:r w:rsidRPr="001E0A23">
        <w:rPr>
          <w:sz w:val="18"/>
        </w:rPr>
        <w:tab/>
        <w:t>: \p\x\y\w0\t0.!forall w_mod (!condition (!congruent !speaker w0 w_mod) (p x y w_mod t0));</w:t>
      </w:r>
    </w:p>
    <w:p w:rsidR="0014091F" w:rsidRPr="001E0A23" w:rsidRDefault="0014091F" w:rsidP="0014091F">
      <w:pPr>
        <w:pStyle w:val="NoSpacing"/>
        <w:rPr>
          <w:sz w:val="18"/>
        </w:rPr>
      </w:pPr>
      <w:r w:rsidRPr="001E0A23">
        <w:rPr>
          <w:sz w:val="18"/>
        </w:rPr>
        <w:t xml:space="preserve">-meli </w:t>
      </w:r>
      <w:r w:rsidRPr="001E0A23">
        <w:rPr>
          <w:sz w:val="18"/>
        </w:rPr>
        <w:tab/>
        <w:t xml:space="preserve">c := ((vp[vp=?x,mod=true,pos=4]\np)\np)\\((vp[vp=?x,pos=0]\np)\np) </w:t>
      </w:r>
    </w:p>
    <w:p w:rsidR="0014091F" w:rsidRPr="001E0A23" w:rsidRDefault="0014091F" w:rsidP="0014091F">
      <w:pPr>
        <w:pStyle w:val="NoSpacing"/>
        <w:rPr>
          <w:sz w:val="18"/>
        </w:rPr>
      </w:pPr>
      <w:r w:rsidRPr="001E0A23">
        <w:rPr>
          <w:sz w:val="18"/>
        </w:rPr>
        <w:tab/>
      </w:r>
      <w:r w:rsidRPr="001E0A23">
        <w:rPr>
          <w:sz w:val="18"/>
        </w:rPr>
        <w:tab/>
        <w:t>: \p\x\y\w0\t0.!forall w_mod (!condition (!congruent !speaker w0 w_mod) (p x y w_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odalities: passive intransitive pos=1</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vp[vp=?x,pos=1] </w:t>
      </w:r>
    </w:p>
    <w:p w:rsidR="0014091F" w:rsidRPr="001E0A23" w:rsidRDefault="00D42F83" w:rsidP="0014091F">
      <w:pPr>
        <w:pStyle w:val="NoSpacing"/>
        <w:rPr>
          <w:sz w:val="18"/>
        </w:rPr>
      </w:pPr>
      <w:r w:rsidRPr="001E0A23">
        <w:rPr>
          <w:sz w:val="18"/>
        </w:rPr>
        <w:tab/>
      </w:r>
      <w:r w:rsidR="0014091F" w:rsidRPr="001E0A23">
        <w:rPr>
          <w:sz w:val="18"/>
        </w:rPr>
        <w:tab/>
        <w:t xml:space="preserve">: \p\s\w0\t0.!forall w_ref (!condition (p w_ref t0) (s w_ref t0)); </w:t>
      </w:r>
    </w:p>
    <w:p w:rsidR="0014091F" w:rsidRPr="001E0A23" w:rsidRDefault="00D42F83"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vp[vp=?x,pos=1] </w:t>
      </w:r>
    </w:p>
    <w:p w:rsidR="0014091F" w:rsidRPr="001E0A23" w:rsidRDefault="0014091F" w:rsidP="0014091F">
      <w:pPr>
        <w:pStyle w:val="NoSpacing"/>
        <w:rPr>
          <w:sz w:val="18"/>
        </w:rPr>
      </w:pPr>
      <w:r w:rsidRPr="001E0A23">
        <w:rPr>
          <w:sz w:val="18"/>
        </w:rPr>
        <w:tab/>
      </w:r>
      <w:r w:rsidRPr="001E0A23">
        <w:rPr>
          <w:sz w:val="18"/>
        </w:rPr>
        <w:tab/>
        <w:t>: \p\w0\t0.!forall w_mod (!condition (!congruent !speaker w0 w_mod) (p w_mod t0));</w:t>
      </w:r>
    </w:p>
    <w:p w:rsidR="0014091F" w:rsidRPr="001E0A23" w:rsidRDefault="0014091F" w:rsidP="0014091F">
      <w:pPr>
        <w:pStyle w:val="NoSpacing"/>
        <w:rPr>
          <w:sz w:val="18"/>
        </w:rPr>
      </w:pPr>
      <w:r w:rsidRPr="001E0A23">
        <w:rPr>
          <w:sz w:val="18"/>
        </w:rPr>
        <w:t xml:space="preserve">-meli </w:t>
      </w:r>
      <w:r w:rsidRPr="001E0A23">
        <w:rPr>
          <w:sz w:val="18"/>
        </w:rPr>
        <w:tab/>
        <w:t xml:space="preserve">c := vp[vp=?x,mod=true,pos=4]\\vp[vp=?x,pos=1] </w:t>
      </w:r>
    </w:p>
    <w:p w:rsidR="0014091F" w:rsidRPr="001E0A23" w:rsidRDefault="0014091F" w:rsidP="0014091F">
      <w:pPr>
        <w:pStyle w:val="NoSpacing"/>
        <w:rPr>
          <w:sz w:val="18"/>
        </w:rPr>
      </w:pPr>
      <w:r w:rsidRPr="001E0A23">
        <w:rPr>
          <w:sz w:val="18"/>
        </w:rPr>
        <w:tab/>
      </w:r>
      <w:r w:rsidRPr="001E0A23">
        <w:rPr>
          <w:sz w:val="18"/>
        </w:rPr>
        <w:tab/>
        <w:t>: \p\w0\t0.!forall w_mod (!condition (!congruent !speaker w0 w_mod) (p w_mod t0));</w:t>
      </w:r>
    </w:p>
    <w:p w:rsidR="0014091F" w:rsidRDefault="0014091F" w:rsidP="0014091F">
      <w:pPr>
        <w:pStyle w:val="NoSpacing"/>
        <w:rPr>
          <w:sz w:val="18"/>
        </w:rPr>
      </w:pPr>
    </w:p>
    <w:p w:rsidR="0059189D" w:rsidRPr="001E0A23" w:rsidRDefault="0059189D" w:rsidP="0014091F">
      <w:pPr>
        <w:pStyle w:val="NoSpacing"/>
        <w:rPr>
          <w:sz w:val="18"/>
        </w:rPr>
      </w:pPr>
    </w:p>
    <w:p w:rsidR="0014091F" w:rsidRPr="001E0A23" w:rsidRDefault="0014091F" w:rsidP="0014091F">
      <w:pPr>
        <w:pStyle w:val="NoSpacing"/>
        <w:rPr>
          <w:sz w:val="18"/>
        </w:rPr>
      </w:pPr>
      <w:r w:rsidRPr="001E0A23">
        <w:rPr>
          <w:sz w:val="18"/>
        </w:rPr>
        <w:lastRenderedPageBreak/>
        <w:t>%%%modalities: intransitive pos=1</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np)\\(vp[vp=?x,pos=1]\np) </w:t>
      </w:r>
    </w:p>
    <w:p w:rsidR="0014091F" w:rsidRPr="001E0A23" w:rsidRDefault="0014091F" w:rsidP="0014091F">
      <w:pPr>
        <w:pStyle w:val="NoSpacing"/>
        <w:rPr>
          <w:sz w:val="18"/>
        </w:rPr>
      </w:pPr>
      <w:r w:rsidRPr="001E0A23">
        <w:rPr>
          <w:sz w:val="18"/>
        </w:rPr>
        <w:tab/>
      </w:r>
      <w:r w:rsidRPr="001E0A23">
        <w:rPr>
          <w:sz w:val="18"/>
        </w:rPr>
        <w:tab/>
        <w:t xml:space="preserve">: \p\x\s\w0\t0.!forall w_ref (!condition (p x w_ref t0) (s w_ref t0));  </w:t>
      </w:r>
    </w:p>
    <w:p w:rsidR="0014091F" w:rsidRPr="001E0A23" w:rsidRDefault="00D42F83"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np)\\(vp[vp=?x,pos=1]\np) </w:t>
      </w:r>
    </w:p>
    <w:p w:rsidR="0014091F" w:rsidRPr="001E0A23" w:rsidRDefault="0014091F" w:rsidP="0014091F">
      <w:pPr>
        <w:pStyle w:val="NoSpacing"/>
        <w:rPr>
          <w:sz w:val="18"/>
        </w:rPr>
      </w:pPr>
      <w:r w:rsidRPr="001E0A23">
        <w:rPr>
          <w:sz w:val="18"/>
        </w:rPr>
        <w:tab/>
      </w:r>
      <w:r w:rsidRPr="001E0A23">
        <w:rPr>
          <w:sz w:val="18"/>
        </w:rPr>
        <w:tab/>
        <w:t>: \p\x\w0\t0.!forall w_mod (!condition (!congruent !speaker w0 w_mod) (p x w_mod t0));</w:t>
      </w:r>
    </w:p>
    <w:p w:rsidR="0014091F" w:rsidRPr="001E0A23" w:rsidRDefault="0014091F" w:rsidP="0014091F">
      <w:pPr>
        <w:pStyle w:val="NoSpacing"/>
        <w:rPr>
          <w:sz w:val="18"/>
        </w:rPr>
      </w:pPr>
      <w:r w:rsidRPr="001E0A23">
        <w:rPr>
          <w:sz w:val="18"/>
        </w:rPr>
        <w:t xml:space="preserve">-meli </w:t>
      </w:r>
      <w:r w:rsidRPr="001E0A23">
        <w:rPr>
          <w:sz w:val="18"/>
        </w:rPr>
        <w:tab/>
        <w:t xml:space="preserve">c := (vp[vp=?x,mod=true,pos=4]\np)\\(vp[vp=?x,pos=1]\np) </w:t>
      </w:r>
    </w:p>
    <w:p w:rsidR="0014091F" w:rsidRPr="001E0A23" w:rsidRDefault="0014091F" w:rsidP="0014091F">
      <w:pPr>
        <w:pStyle w:val="NoSpacing"/>
        <w:rPr>
          <w:sz w:val="18"/>
        </w:rPr>
      </w:pPr>
      <w:r w:rsidRPr="001E0A23">
        <w:rPr>
          <w:sz w:val="18"/>
        </w:rPr>
        <w:tab/>
      </w:r>
      <w:r w:rsidRPr="001E0A23">
        <w:rPr>
          <w:sz w:val="18"/>
        </w:rPr>
        <w:tab/>
        <w:t>: \p\x\w0\t0.!forall w_mod (!condition (!congruent !speaker w0 w_mod) (p x w_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odalities: transitive pos=1</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np)\np)\\((vp[vp=?x,pos=1]\np)\np) </w:t>
      </w:r>
    </w:p>
    <w:p w:rsidR="0014091F" w:rsidRPr="001E0A23" w:rsidRDefault="0014091F" w:rsidP="0014091F">
      <w:pPr>
        <w:pStyle w:val="NoSpacing"/>
        <w:rPr>
          <w:sz w:val="18"/>
        </w:rPr>
      </w:pPr>
      <w:r w:rsidRPr="001E0A23">
        <w:rPr>
          <w:sz w:val="18"/>
        </w:rPr>
        <w:tab/>
      </w:r>
      <w:r w:rsidRPr="001E0A23">
        <w:rPr>
          <w:sz w:val="18"/>
        </w:rPr>
        <w:tab/>
        <w:t xml:space="preserve">: \p\x\y\s\w0\t0.!forall w_ref (!condition (p x y w_ref t0) (s w_ref t0)); </w:t>
      </w:r>
    </w:p>
    <w:p w:rsidR="0014091F" w:rsidRPr="001E0A23" w:rsidRDefault="00D42F83"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np)\np)\\((vp[vp=?x,pos=1]\np)\np) </w:t>
      </w:r>
    </w:p>
    <w:p w:rsidR="0014091F" w:rsidRPr="001E0A23" w:rsidRDefault="0014091F" w:rsidP="0014091F">
      <w:pPr>
        <w:pStyle w:val="NoSpacing"/>
        <w:rPr>
          <w:sz w:val="18"/>
        </w:rPr>
      </w:pPr>
      <w:r w:rsidRPr="001E0A23">
        <w:rPr>
          <w:sz w:val="18"/>
        </w:rPr>
        <w:tab/>
      </w:r>
      <w:r w:rsidRPr="001E0A23">
        <w:rPr>
          <w:sz w:val="18"/>
        </w:rPr>
        <w:tab/>
        <w:t>: \p\x\y\w0\t0.!forall w_mod (!condition (!congruent !speaker w0 w_mod) (p x y w_mod t0));</w:t>
      </w:r>
    </w:p>
    <w:p w:rsidR="0014091F" w:rsidRPr="001E0A23" w:rsidRDefault="0014091F" w:rsidP="0014091F">
      <w:pPr>
        <w:pStyle w:val="NoSpacing"/>
        <w:rPr>
          <w:sz w:val="18"/>
        </w:rPr>
      </w:pPr>
      <w:r w:rsidRPr="001E0A23">
        <w:rPr>
          <w:sz w:val="18"/>
        </w:rPr>
        <w:t xml:space="preserve">-meli </w:t>
      </w:r>
      <w:r w:rsidRPr="001E0A23">
        <w:rPr>
          <w:sz w:val="18"/>
        </w:rPr>
        <w:tab/>
        <w:t xml:space="preserve">c := ((vp[vp=?x,mod=true,pos=4]\np)\np)\\((vp[vp=?x,pos=1]\np)\np) </w:t>
      </w:r>
    </w:p>
    <w:p w:rsidR="0014091F" w:rsidRPr="001E0A23" w:rsidRDefault="0014091F" w:rsidP="0014091F">
      <w:pPr>
        <w:pStyle w:val="NoSpacing"/>
        <w:rPr>
          <w:sz w:val="18"/>
        </w:rPr>
      </w:pPr>
      <w:r w:rsidRPr="001E0A23">
        <w:rPr>
          <w:sz w:val="18"/>
        </w:rPr>
        <w:tab/>
      </w:r>
      <w:r w:rsidRPr="001E0A23">
        <w:rPr>
          <w:sz w:val="18"/>
        </w:rPr>
        <w:tab/>
        <w:t>: \p\x\y\w0\t0.!forall w_mod (!condition (!congruent !speaker w0 w_mod) (p x y w_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odalities: passive intransitive pos=2</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vp[vp=?x,pos=2] </w:t>
      </w:r>
    </w:p>
    <w:p w:rsidR="0014091F" w:rsidRPr="001E0A23" w:rsidRDefault="0014091F" w:rsidP="0014091F">
      <w:pPr>
        <w:pStyle w:val="NoSpacing"/>
        <w:rPr>
          <w:sz w:val="18"/>
        </w:rPr>
      </w:pPr>
      <w:r w:rsidRPr="001E0A23">
        <w:rPr>
          <w:sz w:val="18"/>
        </w:rPr>
        <w:tab/>
      </w:r>
      <w:r w:rsidRPr="001E0A23">
        <w:rPr>
          <w:sz w:val="18"/>
        </w:rPr>
        <w:tab/>
        <w:t xml:space="preserve">: \p\s\w0\t0.!forall w_ref (!condition (p w_ref t0) (s w_ref t0)); </w:t>
      </w:r>
    </w:p>
    <w:p w:rsidR="00D42F83" w:rsidRPr="001E0A23" w:rsidRDefault="00D42F83"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vp[vp=?x,pos=2] </w:t>
      </w:r>
    </w:p>
    <w:p w:rsidR="0014091F" w:rsidRPr="001E0A23" w:rsidRDefault="00D42F83" w:rsidP="0014091F">
      <w:pPr>
        <w:pStyle w:val="NoSpacing"/>
        <w:rPr>
          <w:sz w:val="18"/>
        </w:rPr>
      </w:pPr>
      <w:r w:rsidRPr="001E0A23">
        <w:rPr>
          <w:sz w:val="18"/>
        </w:rPr>
        <w:tab/>
      </w:r>
      <w:r w:rsidRPr="001E0A23">
        <w:rPr>
          <w:sz w:val="18"/>
        </w:rPr>
        <w:tab/>
      </w:r>
      <w:r w:rsidR="0014091F" w:rsidRPr="001E0A23">
        <w:rPr>
          <w:sz w:val="18"/>
        </w:rPr>
        <w:t>: \p\w0\t0.!forall w_mod (!condition (!congruent !speaker w0 w_mod) (p w_mod t0));</w:t>
      </w:r>
    </w:p>
    <w:p w:rsidR="00D42F83" w:rsidRPr="001E0A23" w:rsidRDefault="0014091F" w:rsidP="0014091F">
      <w:pPr>
        <w:pStyle w:val="NoSpacing"/>
        <w:rPr>
          <w:sz w:val="18"/>
        </w:rPr>
      </w:pPr>
      <w:r w:rsidRPr="001E0A23">
        <w:rPr>
          <w:sz w:val="18"/>
        </w:rPr>
        <w:t xml:space="preserve">-meli </w:t>
      </w:r>
      <w:r w:rsidRPr="001E0A23">
        <w:rPr>
          <w:sz w:val="18"/>
        </w:rPr>
        <w:tab/>
        <w:t xml:space="preserve">c := vp[vp=?x,mod=true,pos=4]\\vp[vp=?x,pos=2] </w:t>
      </w:r>
    </w:p>
    <w:p w:rsidR="0014091F" w:rsidRPr="001E0A23" w:rsidRDefault="00D42F83" w:rsidP="0014091F">
      <w:pPr>
        <w:pStyle w:val="NoSpacing"/>
        <w:rPr>
          <w:sz w:val="18"/>
        </w:rPr>
      </w:pPr>
      <w:r w:rsidRPr="001E0A23">
        <w:rPr>
          <w:sz w:val="18"/>
        </w:rPr>
        <w:tab/>
      </w:r>
      <w:r w:rsidRPr="001E0A23">
        <w:rPr>
          <w:sz w:val="18"/>
        </w:rPr>
        <w:tab/>
      </w:r>
      <w:r w:rsidR="0014091F" w:rsidRPr="001E0A23">
        <w:rPr>
          <w:sz w:val="18"/>
        </w:rPr>
        <w:t>: \p\w0\t0.!forall w_mod (!condition (!congruent !speaker w0 w_mod) (p w_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odalities: intransitive pos=2</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np)\\(vp[vp=?x,pos=2]\np) </w:t>
      </w:r>
    </w:p>
    <w:p w:rsidR="0014091F" w:rsidRPr="001E0A23" w:rsidRDefault="0014091F" w:rsidP="0014091F">
      <w:pPr>
        <w:pStyle w:val="NoSpacing"/>
        <w:rPr>
          <w:sz w:val="18"/>
        </w:rPr>
      </w:pPr>
      <w:r w:rsidRPr="001E0A23">
        <w:rPr>
          <w:sz w:val="18"/>
        </w:rPr>
        <w:tab/>
      </w:r>
      <w:r w:rsidRPr="001E0A23">
        <w:rPr>
          <w:sz w:val="18"/>
        </w:rPr>
        <w:tab/>
        <w:t xml:space="preserve">: \p\x\s\w0\t0.!forall w_ref (!condition (p x w_ref t0) (s w_ref t0)); </w:t>
      </w:r>
    </w:p>
    <w:p w:rsidR="0014091F" w:rsidRPr="001E0A23" w:rsidRDefault="00D42F83"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np)\\(vp[vp=?x,pos=2]\np) </w:t>
      </w:r>
    </w:p>
    <w:p w:rsidR="0014091F" w:rsidRPr="001E0A23" w:rsidRDefault="0014091F" w:rsidP="0014091F">
      <w:pPr>
        <w:pStyle w:val="NoSpacing"/>
        <w:rPr>
          <w:sz w:val="18"/>
        </w:rPr>
      </w:pPr>
      <w:r w:rsidRPr="001E0A23">
        <w:rPr>
          <w:sz w:val="18"/>
        </w:rPr>
        <w:tab/>
      </w:r>
      <w:r w:rsidRPr="001E0A23">
        <w:rPr>
          <w:sz w:val="18"/>
        </w:rPr>
        <w:tab/>
        <w:t>: \p\x\w0\t0.!forall w_mod (!condition (!congruent !speaker w0 w_mod) (p x w_mod t0));</w:t>
      </w:r>
    </w:p>
    <w:p w:rsidR="0014091F" w:rsidRPr="001E0A23" w:rsidRDefault="0014091F" w:rsidP="0014091F">
      <w:pPr>
        <w:pStyle w:val="NoSpacing"/>
        <w:rPr>
          <w:sz w:val="18"/>
        </w:rPr>
      </w:pPr>
      <w:r w:rsidRPr="001E0A23">
        <w:rPr>
          <w:sz w:val="18"/>
        </w:rPr>
        <w:t xml:space="preserve">-meli </w:t>
      </w:r>
      <w:r w:rsidRPr="001E0A23">
        <w:rPr>
          <w:sz w:val="18"/>
        </w:rPr>
        <w:tab/>
        <w:t xml:space="preserve">c := (vp[vp=?x,mod=true,pos=4]\np)\\(vp[vp=?x,pos=2]\np) </w:t>
      </w:r>
    </w:p>
    <w:p w:rsidR="0014091F" w:rsidRPr="001E0A23" w:rsidRDefault="0014091F" w:rsidP="0014091F">
      <w:pPr>
        <w:pStyle w:val="NoSpacing"/>
        <w:rPr>
          <w:sz w:val="18"/>
        </w:rPr>
      </w:pPr>
      <w:r w:rsidRPr="001E0A23">
        <w:rPr>
          <w:sz w:val="18"/>
        </w:rPr>
        <w:tab/>
      </w:r>
      <w:r w:rsidRPr="001E0A23">
        <w:rPr>
          <w:sz w:val="18"/>
        </w:rPr>
        <w:tab/>
        <w:t>: \p\x\w0\t0.!forall w_mod (!condition (!congruent !speaker w0 w_mod) (p x w_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odalities: transitive pos=2</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np)\np)\\((vp[vp=?x,pos=2]\np)\np) </w:t>
      </w:r>
    </w:p>
    <w:p w:rsidR="0014091F" w:rsidRPr="001E0A23" w:rsidRDefault="0014091F" w:rsidP="0014091F">
      <w:pPr>
        <w:pStyle w:val="NoSpacing"/>
        <w:rPr>
          <w:sz w:val="18"/>
        </w:rPr>
      </w:pPr>
      <w:r w:rsidRPr="001E0A23">
        <w:rPr>
          <w:sz w:val="18"/>
        </w:rPr>
        <w:tab/>
      </w:r>
      <w:r w:rsidRPr="001E0A23">
        <w:rPr>
          <w:sz w:val="18"/>
        </w:rPr>
        <w:tab/>
        <w:t xml:space="preserve">: \p\x\y\s\w0\t0.!forall w_ref (!condition (p x y w_ref t0) (s w_ref t0)); </w:t>
      </w:r>
    </w:p>
    <w:p w:rsidR="0014091F" w:rsidRPr="001E0A23" w:rsidRDefault="00D42F83"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np)\np)\\((vp[vp=?x,pos=2]\np)\np) </w:t>
      </w:r>
    </w:p>
    <w:p w:rsidR="0014091F" w:rsidRPr="001E0A23" w:rsidRDefault="0014091F" w:rsidP="0014091F">
      <w:pPr>
        <w:pStyle w:val="NoSpacing"/>
        <w:rPr>
          <w:sz w:val="18"/>
        </w:rPr>
      </w:pPr>
      <w:r w:rsidRPr="001E0A23">
        <w:rPr>
          <w:sz w:val="18"/>
        </w:rPr>
        <w:tab/>
      </w:r>
      <w:r w:rsidRPr="001E0A23">
        <w:rPr>
          <w:sz w:val="18"/>
        </w:rPr>
        <w:tab/>
        <w:t>: \p\x\y\w0\t0.!forall w_mod (!condition (!congruent !speaker w0 w_mod) (p x y w_mod t0));</w:t>
      </w:r>
    </w:p>
    <w:p w:rsidR="0014091F" w:rsidRPr="001E0A23" w:rsidRDefault="0014091F" w:rsidP="0014091F">
      <w:pPr>
        <w:pStyle w:val="NoSpacing"/>
        <w:rPr>
          <w:sz w:val="18"/>
        </w:rPr>
      </w:pPr>
      <w:r w:rsidRPr="001E0A23">
        <w:rPr>
          <w:sz w:val="18"/>
        </w:rPr>
        <w:t xml:space="preserve">-meli </w:t>
      </w:r>
      <w:r w:rsidRPr="001E0A23">
        <w:rPr>
          <w:sz w:val="18"/>
        </w:rPr>
        <w:tab/>
        <w:t xml:space="preserve">c := ((vp[vp=?x,mod=true,pos=4]\np)\np)\\((vp[vp=?x,pos=2]\np)\np) </w:t>
      </w:r>
    </w:p>
    <w:p w:rsidR="0014091F" w:rsidRPr="001E0A23" w:rsidRDefault="0014091F" w:rsidP="0014091F">
      <w:pPr>
        <w:pStyle w:val="NoSpacing"/>
        <w:rPr>
          <w:sz w:val="18"/>
        </w:rPr>
      </w:pPr>
      <w:r w:rsidRPr="001E0A23">
        <w:rPr>
          <w:sz w:val="18"/>
        </w:rPr>
        <w:tab/>
      </w:r>
      <w:r w:rsidRPr="001E0A23">
        <w:rPr>
          <w:sz w:val="18"/>
        </w:rPr>
        <w:tab/>
        <w:t>: \p\x\y\w0\t0.!forall w_mod (!condition (!congruent !speaker w0 w_mod) (p x y w_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odalities: passive intransitive pos=3</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vp[vp=?x,pos=3] </w:t>
      </w:r>
    </w:p>
    <w:p w:rsidR="0014091F" w:rsidRPr="001E0A23" w:rsidRDefault="0014091F" w:rsidP="0014091F">
      <w:pPr>
        <w:pStyle w:val="NoSpacing"/>
        <w:rPr>
          <w:sz w:val="18"/>
        </w:rPr>
      </w:pPr>
      <w:r w:rsidRPr="001E0A23">
        <w:rPr>
          <w:sz w:val="18"/>
        </w:rPr>
        <w:tab/>
      </w:r>
      <w:r w:rsidRPr="001E0A23">
        <w:rPr>
          <w:sz w:val="18"/>
        </w:rPr>
        <w:tab/>
        <w:t xml:space="preserve">: \p\s\w0\t0.!forall w_ref (!condition (p w_ref t0) (s w_ref t0)); </w:t>
      </w:r>
    </w:p>
    <w:p w:rsidR="00D42F83" w:rsidRPr="001E0A23" w:rsidRDefault="00D42F83"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vp[vp=?x,pos=3] </w:t>
      </w:r>
    </w:p>
    <w:p w:rsidR="0014091F" w:rsidRPr="001E0A23" w:rsidRDefault="00D42F83" w:rsidP="0014091F">
      <w:pPr>
        <w:pStyle w:val="NoSpacing"/>
        <w:rPr>
          <w:sz w:val="18"/>
        </w:rPr>
      </w:pPr>
      <w:r w:rsidRPr="001E0A23">
        <w:rPr>
          <w:sz w:val="18"/>
        </w:rPr>
        <w:tab/>
      </w:r>
      <w:r w:rsidRPr="001E0A23">
        <w:rPr>
          <w:sz w:val="18"/>
        </w:rPr>
        <w:tab/>
      </w:r>
      <w:r w:rsidR="0014091F" w:rsidRPr="001E0A23">
        <w:rPr>
          <w:sz w:val="18"/>
        </w:rPr>
        <w:t>: \p\w0\t0.!forall w_mod (!condition (!congruent !speaker w0 w_mod) (p w_mod t0));</w:t>
      </w:r>
    </w:p>
    <w:p w:rsidR="00D42F83" w:rsidRPr="001E0A23" w:rsidRDefault="0014091F" w:rsidP="0014091F">
      <w:pPr>
        <w:pStyle w:val="NoSpacing"/>
        <w:rPr>
          <w:sz w:val="18"/>
        </w:rPr>
      </w:pPr>
      <w:r w:rsidRPr="001E0A23">
        <w:rPr>
          <w:sz w:val="18"/>
        </w:rPr>
        <w:t xml:space="preserve">-meli </w:t>
      </w:r>
      <w:r w:rsidRPr="001E0A23">
        <w:rPr>
          <w:sz w:val="18"/>
        </w:rPr>
        <w:tab/>
        <w:t xml:space="preserve">c := vp[vp=?x,mod=true,pos=4]\\vp[vp=?x,pos=3] </w:t>
      </w:r>
    </w:p>
    <w:p w:rsidR="0014091F" w:rsidRPr="001E0A23" w:rsidRDefault="00D42F83" w:rsidP="0014091F">
      <w:pPr>
        <w:pStyle w:val="NoSpacing"/>
        <w:rPr>
          <w:sz w:val="18"/>
        </w:rPr>
      </w:pPr>
      <w:r w:rsidRPr="001E0A23">
        <w:rPr>
          <w:sz w:val="18"/>
        </w:rPr>
        <w:tab/>
      </w:r>
      <w:r w:rsidRPr="001E0A23">
        <w:rPr>
          <w:sz w:val="18"/>
        </w:rPr>
        <w:tab/>
      </w:r>
      <w:r w:rsidR="0014091F" w:rsidRPr="001E0A23">
        <w:rPr>
          <w:sz w:val="18"/>
        </w:rPr>
        <w:t>: \p\w0\t0.!forall w_mod (!condition (!congruent !speaker w0 w_mod) (p w_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odalities: intransitive pos=3</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np)\\(vp[vp=?x,pos=3]\np) </w:t>
      </w:r>
    </w:p>
    <w:p w:rsidR="0014091F" w:rsidRPr="001E0A23" w:rsidRDefault="0014091F" w:rsidP="0014091F">
      <w:pPr>
        <w:pStyle w:val="NoSpacing"/>
        <w:rPr>
          <w:sz w:val="18"/>
        </w:rPr>
      </w:pPr>
      <w:r w:rsidRPr="001E0A23">
        <w:rPr>
          <w:sz w:val="18"/>
        </w:rPr>
        <w:tab/>
      </w:r>
      <w:r w:rsidRPr="001E0A23">
        <w:rPr>
          <w:sz w:val="18"/>
        </w:rPr>
        <w:tab/>
        <w:t xml:space="preserve">: \p\x\s\w0\t0.!forall w_ref (!condition (p x w_ref t0) (s w_ref t0)); </w:t>
      </w:r>
    </w:p>
    <w:p w:rsidR="0014091F" w:rsidRPr="001E0A23" w:rsidRDefault="00F90482"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np)\\(vp[vp=?x,pos=3]\np) </w:t>
      </w:r>
    </w:p>
    <w:p w:rsidR="0014091F" w:rsidRPr="001E0A23" w:rsidRDefault="0014091F" w:rsidP="0014091F">
      <w:pPr>
        <w:pStyle w:val="NoSpacing"/>
        <w:rPr>
          <w:sz w:val="18"/>
        </w:rPr>
      </w:pPr>
      <w:r w:rsidRPr="001E0A23">
        <w:rPr>
          <w:sz w:val="18"/>
        </w:rPr>
        <w:tab/>
      </w:r>
      <w:r w:rsidRPr="001E0A23">
        <w:rPr>
          <w:sz w:val="18"/>
        </w:rPr>
        <w:tab/>
        <w:t>: \p\x\w0\t0.!forall w_mod (!condition (!congruent !speaker w0 w_mod) (p x w_mod t0));</w:t>
      </w:r>
    </w:p>
    <w:p w:rsidR="0014091F" w:rsidRPr="001E0A23" w:rsidRDefault="0014091F" w:rsidP="0014091F">
      <w:pPr>
        <w:pStyle w:val="NoSpacing"/>
        <w:rPr>
          <w:sz w:val="18"/>
        </w:rPr>
      </w:pPr>
      <w:r w:rsidRPr="001E0A23">
        <w:rPr>
          <w:sz w:val="18"/>
        </w:rPr>
        <w:t xml:space="preserve">-meli </w:t>
      </w:r>
      <w:r w:rsidRPr="001E0A23">
        <w:rPr>
          <w:sz w:val="18"/>
        </w:rPr>
        <w:tab/>
        <w:t xml:space="preserve">c := (vp[vp=?x,mod=true,pos=4]\np)\\(vp[vp=?x,pos=3]\np) </w:t>
      </w:r>
    </w:p>
    <w:p w:rsidR="0014091F" w:rsidRPr="001E0A23" w:rsidRDefault="0014091F" w:rsidP="0014091F">
      <w:pPr>
        <w:pStyle w:val="NoSpacing"/>
        <w:rPr>
          <w:sz w:val="18"/>
        </w:rPr>
      </w:pPr>
      <w:r w:rsidRPr="001E0A23">
        <w:rPr>
          <w:sz w:val="18"/>
        </w:rPr>
        <w:tab/>
      </w:r>
      <w:r w:rsidRPr="001E0A23">
        <w:rPr>
          <w:sz w:val="18"/>
        </w:rPr>
        <w:tab/>
        <w:t>: \p\x\w0\t0.!forall w_mod (!condition (!congruent !speaker w0 w_mod) (p x w_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modalities: transitive pos=3</w:t>
      </w:r>
    </w:p>
    <w:p w:rsidR="0014091F" w:rsidRPr="001E0A23" w:rsidRDefault="0014091F" w:rsidP="0014091F">
      <w:pPr>
        <w:pStyle w:val="NoSpacing"/>
        <w:rPr>
          <w:sz w:val="18"/>
        </w:rPr>
      </w:pPr>
      <w:r w:rsidRPr="001E0A23">
        <w:rPr>
          <w:sz w:val="18"/>
        </w:rPr>
        <w:t xml:space="preserve">-se </w:t>
      </w:r>
      <w:r w:rsidRPr="001E0A23">
        <w:rPr>
          <w:sz w:val="18"/>
        </w:rPr>
        <w:tab/>
        <w:t xml:space="preserve">c := (((vp[vp=?x,mod=false,pos=4]/s[mod=false,pos=7])\np)\np)\\((vp[vp=?x,pos=3]\np)\np) </w:t>
      </w:r>
    </w:p>
    <w:p w:rsidR="0014091F" w:rsidRPr="001E0A23" w:rsidRDefault="00F90482" w:rsidP="0014091F">
      <w:pPr>
        <w:pStyle w:val="NoSpacing"/>
        <w:rPr>
          <w:sz w:val="18"/>
        </w:rPr>
      </w:pPr>
      <w:r w:rsidRPr="001E0A23">
        <w:rPr>
          <w:sz w:val="18"/>
        </w:rPr>
        <w:tab/>
      </w:r>
      <w:r w:rsidR="0014091F" w:rsidRPr="001E0A23">
        <w:rPr>
          <w:sz w:val="18"/>
        </w:rPr>
        <w:tab/>
        <w:t xml:space="preserve">: \p\x\y\s\w0\t0.!forall w_ref (!condition (p x y w_ref t0) (s w_ref t0)); </w:t>
      </w:r>
    </w:p>
    <w:p w:rsidR="0014091F" w:rsidRPr="001E0A23" w:rsidRDefault="00F90482" w:rsidP="0014091F">
      <w:pPr>
        <w:pStyle w:val="NoSpacing"/>
        <w:rPr>
          <w:sz w:val="18"/>
        </w:rPr>
      </w:pPr>
      <w:r w:rsidRPr="001E0A23">
        <w:rPr>
          <w:sz w:val="18"/>
        </w:rPr>
        <w:t xml:space="preserve">-e </w:t>
      </w:r>
      <w:r w:rsidRPr="001E0A23">
        <w:rPr>
          <w:sz w:val="18"/>
        </w:rPr>
        <w:tab/>
      </w:r>
      <w:r w:rsidR="0014091F" w:rsidRPr="001E0A23">
        <w:rPr>
          <w:sz w:val="18"/>
        </w:rPr>
        <w:t xml:space="preserve">c := ((vp[vp=?x,mod=true,pos=4]\np)\np)\\((vp[vp=?x,pos=3]\np)\np) </w:t>
      </w:r>
    </w:p>
    <w:p w:rsidR="0014091F" w:rsidRPr="001E0A23" w:rsidRDefault="0014091F" w:rsidP="0014091F">
      <w:pPr>
        <w:pStyle w:val="NoSpacing"/>
        <w:rPr>
          <w:sz w:val="18"/>
        </w:rPr>
      </w:pPr>
      <w:r w:rsidRPr="001E0A23">
        <w:rPr>
          <w:sz w:val="18"/>
        </w:rPr>
        <w:tab/>
      </w:r>
      <w:r w:rsidRPr="001E0A23">
        <w:rPr>
          <w:sz w:val="18"/>
        </w:rPr>
        <w:tab/>
        <w:t>: \p\x\y\w0\t0.!forall w_mod (!condition (!congruent !speaker w0 w_mod) (p x y w_mod t0));</w:t>
      </w:r>
    </w:p>
    <w:p w:rsidR="0014091F" w:rsidRPr="001E0A23" w:rsidRDefault="0014091F" w:rsidP="0014091F">
      <w:pPr>
        <w:pStyle w:val="NoSpacing"/>
        <w:rPr>
          <w:sz w:val="18"/>
        </w:rPr>
      </w:pPr>
      <w:r w:rsidRPr="001E0A23">
        <w:rPr>
          <w:sz w:val="18"/>
        </w:rPr>
        <w:t xml:space="preserve">-meli </w:t>
      </w:r>
      <w:r w:rsidRPr="001E0A23">
        <w:rPr>
          <w:sz w:val="18"/>
        </w:rPr>
        <w:tab/>
        <w:t xml:space="preserve">c := ((vp[vp=?x,mod=true,pos=4]\np)\np)\\((vp[vp=?x,pos=3]\np)\np) </w:t>
      </w:r>
    </w:p>
    <w:p w:rsidR="0014091F" w:rsidRPr="001E0A23" w:rsidRDefault="0014091F" w:rsidP="0014091F">
      <w:pPr>
        <w:pStyle w:val="NoSpacing"/>
        <w:rPr>
          <w:sz w:val="18"/>
        </w:rPr>
      </w:pPr>
      <w:r w:rsidRPr="001E0A23">
        <w:rPr>
          <w:sz w:val="18"/>
        </w:rPr>
        <w:tab/>
      </w:r>
      <w:r w:rsidRPr="001E0A23">
        <w:rPr>
          <w:sz w:val="18"/>
        </w:rPr>
        <w:tab/>
        <w:t>: \p\x\y\w0\t0.!forall w_mod (!condition (!congruent !speaker w0 w_mod) (p x y w_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position 4</w:t>
      </w:r>
    </w:p>
    <w:p w:rsidR="0014091F" w:rsidRPr="001E0A23" w:rsidRDefault="0014091F" w:rsidP="0014091F">
      <w:pPr>
        <w:pStyle w:val="NoSpacing"/>
        <w:rPr>
          <w:sz w:val="18"/>
        </w:rPr>
      </w:pPr>
      <w:r w:rsidRPr="001E0A23">
        <w:rPr>
          <w:sz w:val="18"/>
        </w:rPr>
        <w:t>%%copular markers: past, evidential, conditional</w:t>
      </w:r>
    </w:p>
    <w:p w:rsidR="0014091F" w:rsidRPr="001E0A23" w:rsidRDefault="0014091F" w:rsidP="0014091F">
      <w:pPr>
        <w:pStyle w:val="NoSpacing"/>
        <w:rPr>
          <w:sz w:val="18"/>
        </w:rPr>
      </w:pPr>
      <w:r w:rsidRPr="001E0A23">
        <w:rPr>
          <w:sz w:val="18"/>
        </w:rPr>
        <w:t>%%%copular: after aspect passive intransitive</w:t>
      </w:r>
    </w:p>
    <w:p w:rsidR="0014091F" w:rsidRPr="001E0A23" w:rsidRDefault="0014091F" w:rsidP="0014091F">
      <w:pPr>
        <w:pStyle w:val="NoSpacing"/>
        <w:rPr>
          <w:sz w:val="18"/>
        </w:rPr>
      </w:pPr>
      <w:r w:rsidRPr="001E0A23">
        <w:rPr>
          <w:sz w:val="18"/>
        </w:rPr>
        <w:t xml:space="preserve">-di </w:t>
      </w:r>
      <w:r w:rsidRPr="001E0A23">
        <w:rPr>
          <w:sz w:val="18"/>
        </w:rPr>
        <w:tab/>
        <w:t xml:space="preserve">c := (vp[vp=?x,mod=?x,pos=5]\\vp[vp=time_conv])\\vp[vp=?x,mod=?x,pos=4] </w:t>
      </w:r>
    </w:p>
    <w:p w:rsidR="0014091F" w:rsidRPr="001E0A23" w:rsidRDefault="0014091F" w:rsidP="0014091F">
      <w:pPr>
        <w:pStyle w:val="NoSpacing"/>
        <w:rPr>
          <w:sz w:val="18"/>
        </w:rPr>
      </w:pPr>
      <w:r w:rsidRPr="001E0A23">
        <w:rPr>
          <w:sz w:val="18"/>
        </w:rPr>
        <w:tab/>
      </w:r>
      <w:r w:rsidRPr="001E0A23">
        <w:rPr>
          <w:sz w:val="18"/>
        </w:rPr>
        <w:tab/>
        <w:t>: \p\v\w0\t0.!and (p x w0 (v w0 t0)) (!earlier t0 (v w0 t0)) (!know (p w0 (v w0 t0)) !speaker w0 (v w0 t0));</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x,pos=5]\\vp[vp=time_conv])\\vp[vp=?x,mod=?x,pos=4] </w:t>
      </w:r>
    </w:p>
    <w:p w:rsidR="0014091F" w:rsidRPr="001E0A23" w:rsidRDefault="0014091F" w:rsidP="0014091F">
      <w:pPr>
        <w:pStyle w:val="NoSpacing"/>
        <w:rPr>
          <w:sz w:val="18"/>
        </w:rPr>
      </w:pPr>
      <w:r w:rsidRPr="001E0A23">
        <w:rPr>
          <w:sz w:val="18"/>
        </w:rPr>
        <w:lastRenderedPageBreak/>
        <w:tab/>
      </w:r>
      <w:r w:rsidRPr="001E0A23">
        <w:rPr>
          <w:sz w:val="18"/>
        </w:rPr>
        <w:tab/>
        <w:t>: \p\v\w0\t0.!and (p x w0 (v w0 t0)) (!earlier t0 (v w0 t0)) (!not (!know (p w0 (v w0 t0)) !speaker w0 (v w0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opular: after aspect intransitive</w:t>
      </w:r>
    </w:p>
    <w:p w:rsidR="0014091F" w:rsidRPr="001E0A23" w:rsidRDefault="0014091F" w:rsidP="0014091F">
      <w:pPr>
        <w:pStyle w:val="NoSpacing"/>
        <w:rPr>
          <w:sz w:val="18"/>
        </w:rPr>
      </w:pPr>
      <w:r w:rsidRPr="001E0A23">
        <w:rPr>
          <w:sz w:val="18"/>
        </w:rPr>
        <w:t xml:space="preserve">-di </w:t>
      </w:r>
      <w:r w:rsidRPr="001E0A23">
        <w:rPr>
          <w:sz w:val="18"/>
        </w:rPr>
        <w:tab/>
        <w:t xml:space="preserve">c := ((vp[vp=?x,mod=?x,pos=5]\np)\\vp[vp=time_conv])\\(vp[vp=?x,mod=?x,pos=4]\np) </w:t>
      </w:r>
    </w:p>
    <w:p w:rsidR="0014091F" w:rsidRPr="001E0A23" w:rsidRDefault="0014091F" w:rsidP="0014091F">
      <w:pPr>
        <w:pStyle w:val="NoSpacing"/>
        <w:rPr>
          <w:sz w:val="18"/>
        </w:rPr>
      </w:pPr>
      <w:r w:rsidRPr="001E0A23">
        <w:rPr>
          <w:sz w:val="18"/>
        </w:rPr>
        <w:tab/>
      </w:r>
      <w:r w:rsidRPr="001E0A23">
        <w:rPr>
          <w:sz w:val="18"/>
        </w:rPr>
        <w:tab/>
        <w:t>: \p\v\x\w0\t0.!and (p x w0 (v w0 t0)) (!earlier t0 (v w0 t0)) (!know (p x w0 (v w0 t0)) !speaker w0 (v w0 t0));</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x,pos=5]\np)\\vp[vp=time_conv])\\(vp[vp=?x,mod=?x,pos=4]\np) </w:t>
      </w:r>
    </w:p>
    <w:p w:rsidR="0014091F" w:rsidRPr="001E0A23" w:rsidRDefault="0014091F" w:rsidP="0014091F">
      <w:pPr>
        <w:pStyle w:val="NoSpacing"/>
        <w:rPr>
          <w:sz w:val="18"/>
        </w:rPr>
      </w:pPr>
      <w:r w:rsidRPr="001E0A23">
        <w:rPr>
          <w:sz w:val="18"/>
        </w:rPr>
        <w:tab/>
      </w:r>
      <w:r w:rsidRPr="001E0A23">
        <w:rPr>
          <w:sz w:val="18"/>
        </w:rPr>
        <w:tab/>
        <w:t>: \p\v\x\w0\t0.!and (p x w0 (v w0 t0)) (!earlier t0 (v w0 t0)) (!not (!know (p x w0 (v w0 t0)) !speaker w0 (v w0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opular: after aspect transitive</w:t>
      </w:r>
    </w:p>
    <w:p w:rsidR="0014091F" w:rsidRPr="001E0A23" w:rsidRDefault="0014091F" w:rsidP="0014091F">
      <w:pPr>
        <w:pStyle w:val="NoSpacing"/>
        <w:rPr>
          <w:sz w:val="18"/>
        </w:rPr>
      </w:pPr>
      <w:r w:rsidRPr="001E0A23">
        <w:rPr>
          <w:sz w:val="18"/>
        </w:rPr>
        <w:t xml:space="preserve">-di </w:t>
      </w:r>
      <w:r w:rsidRPr="001E0A23">
        <w:rPr>
          <w:sz w:val="18"/>
        </w:rPr>
        <w:tab/>
        <w:t>c := (((vp[vp=?x,mod=?x,pos=5]\np)\np)\\vp[vp=time_conv])\\((vp[vp=?x,mod=?x,pos=4]\np)\np)</w:t>
      </w:r>
    </w:p>
    <w:p w:rsidR="0014091F" w:rsidRPr="001E0A23" w:rsidRDefault="0014091F" w:rsidP="0014091F">
      <w:pPr>
        <w:pStyle w:val="NoSpacing"/>
        <w:rPr>
          <w:sz w:val="18"/>
        </w:rPr>
      </w:pPr>
      <w:r w:rsidRPr="001E0A23">
        <w:rPr>
          <w:sz w:val="18"/>
        </w:rPr>
        <w:tab/>
      </w:r>
      <w:r w:rsidRPr="001E0A23">
        <w:rPr>
          <w:sz w:val="18"/>
        </w:rPr>
        <w:tab/>
        <w:t>: \p\v\x\y\w0\t0.!and (p x y w0 (v w0 t0)) (!earlier t0 (v w0 t0)) (!know (p x y w0 (v w0 t0)) !speaker w0 (v w0 t0));</w:t>
      </w:r>
    </w:p>
    <w:p w:rsidR="0014091F" w:rsidRPr="001E0A23" w:rsidRDefault="0014091F" w:rsidP="0014091F">
      <w:pPr>
        <w:pStyle w:val="NoSpacing"/>
        <w:rPr>
          <w:sz w:val="18"/>
        </w:rPr>
      </w:pPr>
      <w:r w:rsidRPr="001E0A23">
        <w:rPr>
          <w:sz w:val="18"/>
        </w:rPr>
        <w:t xml:space="preserve">-miş </w:t>
      </w:r>
      <w:r w:rsidRPr="001E0A23">
        <w:rPr>
          <w:sz w:val="18"/>
        </w:rPr>
        <w:tab/>
        <w:t xml:space="preserve">c := (((vp[vp=?x,mod=?x,pos=5]\np)\np)\\vp[vp=time_conv])\\((vp[vp=?x,mod=?x,pos=4]\np)\np) </w:t>
      </w:r>
    </w:p>
    <w:p w:rsidR="0014091F" w:rsidRPr="001E0A23" w:rsidRDefault="0014091F" w:rsidP="0014091F">
      <w:pPr>
        <w:pStyle w:val="NoSpacing"/>
        <w:rPr>
          <w:sz w:val="18"/>
        </w:rPr>
      </w:pPr>
      <w:r w:rsidRPr="001E0A23">
        <w:rPr>
          <w:sz w:val="18"/>
        </w:rPr>
        <w:tab/>
      </w:r>
      <w:r w:rsidRPr="001E0A23">
        <w:rPr>
          <w:sz w:val="18"/>
        </w:rPr>
        <w:tab/>
        <w:t>: \p\v\x\y\w0\t0.!and (p x y w0 (v w0 t0)) (!earlier t0 (v w0 t0)) (!not (!know (p x y w0 (v w0 t0)) !speaker w0 (v w0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opular: after conditional passive intransitive</w:t>
      </w:r>
    </w:p>
    <w:p w:rsidR="0014091F" w:rsidRPr="001E0A23" w:rsidRDefault="0014091F" w:rsidP="0014091F">
      <w:pPr>
        <w:pStyle w:val="NoSpacing"/>
        <w:rPr>
          <w:sz w:val="18"/>
        </w:rPr>
      </w:pPr>
      <w:r w:rsidRPr="001E0A23">
        <w:rPr>
          <w:sz w:val="18"/>
        </w:rPr>
        <w:t xml:space="preserve">-di </w:t>
      </w:r>
      <w:r w:rsidRPr="001E0A23">
        <w:rPr>
          <w:sz w:val="18"/>
        </w:rPr>
        <w:tab/>
        <w:t>c := (vp[vp=?x,mod=false,pos=5]/s[pos=7])\\(vp[vp=?x,pos=4,mod=false]/s[pos=7])</w:t>
      </w:r>
    </w:p>
    <w:p w:rsidR="0014091F" w:rsidRPr="001E0A23" w:rsidRDefault="0014091F" w:rsidP="0014091F">
      <w:pPr>
        <w:pStyle w:val="NoSpacing"/>
        <w:rPr>
          <w:sz w:val="18"/>
        </w:rPr>
      </w:pPr>
      <w:r w:rsidRPr="001E0A23">
        <w:rPr>
          <w:sz w:val="18"/>
        </w:rPr>
        <w:tab/>
      </w:r>
      <w:r w:rsidRPr="001E0A23">
        <w:rPr>
          <w:sz w:val="18"/>
        </w:rPr>
        <w:tab/>
        <w:t>: \p\s\w0\t0.!exists t_ref (!and (!earlier t0 t_ref) (p w0 t_ref (s w0 t0)));</w:t>
      </w:r>
    </w:p>
    <w:p w:rsidR="0014091F" w:rsidRPr="001E0A23" w:rsidRDefault="0014091F" w:rsidP="0014091F">
      <w:pPr>
        <w:pStyle w:val="NoSpacing"/>
        <w:rPr>
          <w:sz w:val="18"/>
        </w:rPr>
      </w:pPr>
      <w:r w:rsidRPr="001E0A23">
        <w:rPr>
          <w:sz w:val="18"/>
        </w:rPr>
        <w:t xml:space="preserve">-miş </w:t>
      </w:r>
      <w:r w:rsidRPr="001E0A23">
        <w:rPr>
          <w:sz w:val="18"/>
        </w:rPr>
        <w:tab/>
        <w:t>c := (vp[vp=?x,mod=false,pos=5]/s[pos=7])\\(vp[vp=?x,pos=4,mod=false]/s[pos=7])</w:t>
      </w:r>
    </w:p>
    <w:p w:rsidR="0014091F" w:rsidRPr="001E0A23" w:rsidRDefault="0014091F" w:rsidP="0014091F">
      <w:pPr>
        <w:pStyle w:val="NoSpacing"/>
        <w:rPr>
          <w:sz w:val="18"/>
        </w:rPr>
      </w:pPr>
      <w:r w:rsidRPr="001E0A23">
        <w:rPr>
          <w:sz w:val="18"/>
        </w:rPr>
        <w:tab/>
      </w:r>
      <w:r w:rsidRPr="001E0A23">
        <w:rPr>
          <w:sz w:val="18"/>
        </w:rPr>
        <w:tab/>
        <w:t>: \p\s\w0\t0.!exists t_ref (!and (!earlier t0 t_ref) (p w0 t_ref (s w0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opular: after conditional intransitive</w:t>
      </w:r>
    </w:p>
    <w:p w:rsidR="0014091F" w:rsidRPr="001E0A23" w:rsidRDefault="0014091F" w:rsidP="0014091F">
      <w:pPr>
        <w:pStyle w:val="NoSpacing"/>
        <w:rPr>
          <w:sz w:val="18"/>
        </w:rPr>
      </w:pPr>
      <w:r w:rsidRPr="001E0A23">
        <w:rPr>
          <w:sz w:val="18"/>
        </w:rPr>
        <w:t xml:space="preserve">-di </w:t>
      </w:r>
      <w:r w:rsidRPr="001E0A23">
        <w:rPr>
          <w:sz w:val="18"/>
        </w:rPr>
        <w:tab/>
        <w:t xml:space="preserve">c := ((vp[vp=?x,pos=5,mod=false]/s[pos=7])\np)\\((vp[vp=?x,pos=4,mod=false]/s[pos=7])\np) </w:t>
      </w:r>
    </w:p>
    <w:p w:rsidR="0014091F" w:rsidRPr="001E0A23" w:rsidRDefault="0014091F" w:rsidP="0014091F">
      <w:pPr>
        <w:pStyle w:val="NoSpacing"/>
        <w:rPr>
          <w:sz w:val="18"/>
        </w:rPr>
      </w:pPr>
      <w:r w:rsidRPr="001E0A23">
        <w:rPr>
          <w:sz w:val="18"/>
        </w:rPr>
        <w:tab/>
      </w:r>
      <w:r w:rsidRPr="001E0A23">
        <w:rPr>
          <w:sz w:val="18"/>
        </w:rPr>
        <w:tab/>
        <w:t>: \p\x\s\w0\t0.!exists t_ref (!and (!earlier t0 t_ref) (p x w0 t_ref (s w0 t0)));</w:t>
      </w:r>
    </w:p>
    <w:p w:rsidR="0014091F" w:rsidRPr="001E0A23" w:rsidRDefault="0014091F" w:rsidP="0014091F">
      <w:pPr>
        <w:pStyle w:val="NoSpacing"/>
        <w:rPr>
          <w:sz w:val="18"/>
        </w:rPr>
      </w:pPr>
      <w:r w:rsidRPr="001E0A23">
        <w:rPr>
          <w:sz w:val="18"/>
        </w:rPr>
        <w:t xml:space="preserve">-miş </w:t>
      </w:r>
      <w:r w:rsidRPr="001E0A23">
        <w:rPr>
          <w:sz w:val="18"/>
        </w:rPr>
        <w:tab/>
        <w:t xml:space="preserve">c := ((vp[vp=?x,pos=5,mod=false]/s[pos=7])\np)\\((vp[vp=?x,pos=4,mod=false]/s[pos=7])\np) </w:t>
      </w:r>
    </w:p>
    <w:p w:rsidR="0014091F" w:rsidRPr="001E0A23" w:rsidRDefault="0014091F" w:rsidP="0014091F">
      <w:pPr>
        <w:pStyle w:val="NoSpacing"/>
        <w:rPr>
          <w:sz w:val="18"/>
        </w:rPr>
      </w:pPr>
      <w:r w:rsidRPr="001E0A23">
        <w:rPr>
          <w:sz w:val="18"/>
        </w:rPr>
        <w:tab/>
      </w:r>
      <w:r w:rsidRPr="001E0A23">
        <w:rPr>
          <w:sz w:val="18"/>
        </w:rPr>
        <w:tab/>
        <w:t>: \p\x\s\w0\t0.!exists t_ref (!and (!earlier t0 t_ref) (p x w0 t_ref (s w0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opular: after conditional transitive</w:t>
      </w:r>
    </w:p>
    <w:p w:rsidR="0014091F" w:rsidRPr="001E0A23" w:rsidRDefault="0014091F" w:rsidP="0014091F">
      <w:pPr>
        <w:pStyle w:val="NoSpacing"/>
        <w:rPr>
          <w:sz w:val="18"/>
        </w:rPr>
      </w:pPr>
      <w:r w:rsidRPr="001E0A23">
        <w:rPr>
          <w:sz w:val="18"/>
        </w:rPr>
        <w:t xml:space="preserve">-di </w:t>
      </w:r>
      <w:r w:rsidRPr="001E0A23">
        <w:rPr>
          <w:sz w:val="18"/>
        </w:rPr>
        <w:tab/>
        <w:t xml:space="preserve">c := (((vp[vp=?x,pos=5,mod=false]/s[pos=7])\np)\np)\\(((vp[vp=?x,pos=4,mod=false]/s[pos=7])\np)\np) </w:t>
      </w:r>
    </w:p>
    <w:p w:rsidR="0014091F" w:rsidRPr="001E0A23" w:rsidRDefault="0014091F" w:rsidP="0014091F">
      <w:pPr>
        <w:pStyle w:val="NoSpacing"/>
        <w:rPr>
          <w:sz w:val="18"/>
        </w:rPr>
      </w:pPr>
      <w:r w:rsidRPr="001E0A23">
        <w:rPr>
          <w:sz w:val="18"/>
        </w:rPr>
        <w:tab/>
      </w:r>
      <w:r w:rsidRPr="001E0A23">
        <w:rPr>
          <w:sz w:val="18"/>
        </w:rPr>
        <w:tab/>
        <w:t>: \p\x\y\s\w0\t0.!exists t_ref (!and (!earlier t0 t_ref) (p x y w0 t_ref (s w0 t0)));</w:t>
      </w:r>
    </w:p>
    <w:p w:rsidR="0014091F" w:rsidRPr="001E0A23" w:rsidRDefault="0014091F" w:rsidP="0014091F">
      <w:pPr>
        <w:pStyle w:val="NoSpacing"/>
        <w:rPr>
          <w:sz w:val="18"/>
        </w:rPr>
      </w:pPr>
      <w:r w:rsidRPr="001E0A23">
        <w:rPr>
          <w:sz w:val="18"/>
        </w:rPr>
        <w:t xml:space="preserve">-miş </w:t>
      </w:r>
      <w:r w:rsidRPr="001E0A23">
        <w:rPr>
          <w:sz w:val="18"/>
        </w:rPr>
        <w:tab/>
        <w:t xml:space="preserve">c := (((vp[vp=?x,pos=5,mod=false]/s[pos=7])\np)\np)\\(((vp[vp=?x,pos=4,mod=false]/s[pos=7])\np)\np) </w:t>
      </w:r>
    </w:p>
    <w:p w:rsidR="0014091F" w:rsidRPr="001E0A23" w:rsidRDefault="0014091F" w:rsidP="0014091F">
      <w:pPr>
        <w:pStyle w:val="NoSpacing"/>
        <w:rPr>
          <w:sz w:val="18"/>
        </w:rPr>
      </w:pPr>
      <w:r w:rsidRPr="001E0A23">
        <w:rPr>
          <w:sz w:val="18"/>
        </w:rPr>
        <w:tab/>
      </w:r>
      <w:r w:rsidRPr="001E0A23">
        <w:rPr>
          <w:sz w:val="18"/>
        </w:rPr>
        <w:tab/>
        <w:t>: \p\x\y\s\w0\t0.!exists t_ref (!and (!earlier t0 t_ref) (p x y w0 t_ref (s w0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opular: after conditional transitive causative</w:t>
      </w:r>
    </w:p>
    <w:p w:rsidR="0014091F" w:rsidRPr="001E0A23" w:rsidRDefault="0014091F" w:rsidP="0014091F">
      <w:pPr>
        <w:pStyle w:val="NoSpacing"/>
        <w:rPr>
          <w:sz w:val="18"/>
        </w:rPr>
      </w:pPr>
      <w:r w:rsidRPr="001E0A23">
        <w:rPr>
          <w:sz w:val="18"/>
        </w:rPr>
        <w:t xml:space="preserve">-di </w:t>
      </w:r>
      <w:r w:rsidRPr="001E0A23">
        <w:rPr>
          <w:sz w:val="18"/>
        </w:rPr>
        <w:tab/>
        <w:t xml:space="preserve">c := ((((vp[vp=?x,pos=5,mod=false]/s[pos=7])\np)\np)\np)\\((((vp[vp=?x,pos=4,mod=false]/s[pos=7])\np)\np)\np) </w:t>
      </w:r>
    </w:p>
    <w:p w:rsidR="0014091F" w:rsidRPr="001E0A23" w:rsidRDefault="0014091F" w:rsidP="0014091F">
      <w:pPr>
        <w:pStyle w:val="NoSpacing"/>
        <w:rPr>
          <w:sz w:val="18"/>
        </w:rPr>
      </w:pPr>
      <w:r w:rsidRPr="001E0A23">
        <w:rPr>
          <w:sz w:val="18"/>
        </w:rPr>
        <w:tab/>
      </w:r>
      <w:r w:rsidRPr="001E0A23">
        <w:rPr>
          <w:sz w:val="18"/>
        </w:rPr>
        <w:tab/>
        <w:t>: \p\x\y\z\s\w0\t0.!exists t_ref (!and (!earlier t0 t_ref) (p x y z w0 t_ref (s w0 t0)));</w:t>
      </w:r>
    </w:p>
    <w:p w:rsidR="0014091F" w:rsidRPr="001E0A23" w:rsidRDefault="0014091F" w:rsidP="0014091F">
      <w:pPr>
        <w:pStyle w:val="NoSpacing"/>
        <w:rPr>
          <w:sz w:val="18"/>
        </w:rPr>
      </w:pPr>
      <w:r w:rsidRPr="001E0A23">
        <w:rPr>
          <w:sz w:val="18"/>
        </w:rPr>
        <w:t xml:space="preserve">-miş </w:t>
      </w:r>
      <w:r w:rsidRPr="001E0A23">
        <w:rPr>
          <w:sz w:val="18"/>
        </w:rPr>
        <w:tab/>
        <w:t xml:space="preserve">c := ((((vp[vp=?x,pos=5,mod=false]/s[pos=7])\np)\np)\np)\\((((vp[vp=?x,pos=4,mod=false]/s[pos=7])\np)\np)\np) </w:t>
      </w:r>
    </w:p>
    <w:p w:rsidR="0014091F" w:rsidRPr="001E0A23" w:rsidRDefault="0014091F" w:rsidP="0014091F">
      <w:pPr>
        <w:pStyle w:val="NoSpacing"/>
        <w:rPr>
          <w:sz w:val="18"/>
        </w:rPr>
      </w:pPr>
      <w:r w:rsidRPr="001E0A23">
        <w:rPr>
          <w:sz w:val="18"/>
        </w:rPr>
        <w:tab/>
      </w:r>
      <w:r w:rsidRPr="001E0A23">
        <w:rPr>
          <w:sz w:val="18"/>
        </w:rPr>
        <w:tab/>
        <w:t>: \p\x\y\z\s\w0\t0.!exists t_ref (!and (!earlier t0 t_ref) (p x y z w0 t_ref (s w0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copular: whole sentence modal after no copula</w:t>
      </w:r>
    </w:p>
    <w:p w:rsidR="00F90482" w:rsidRPr="001E0A23" w:rsidRDefault="0014091F" w:rsidP="0014091F">
      <w:pPr>
        <w:pStyle w:val="NoSpacing"/>
        <w:rPr>
          <w:sz w:val="18"/>
        </w:rPr>
      </w:pPr>
      <w:r w:rsidRPr="001E0A23">
        <w:rPr>
          <w:sz w:val="18"/>
        </w:rPr>
        <w:t xml:space="preserve">-se </w:t>
      </w:r>
      <w:r w:rsidRPr="001E0A23">
        <w:rPr>
          <w:sz w:val="18"/>
        </w:rPr>
        <w:tab/>
        <w:t xml:space="preserve">c := (vp[vp=?x,mod=?x,pos=5]/s[pos=7])\*vp[vp=?x,mod=?x,pos=4] </w:t>
      </w:r>
    </w:p>
    <w:p w:rsidR="0014091F" w:rsidRPr="001E0A23" w:rsidRDefault="00F90482" w:rsidP="0014091F">
      <w:pPr>
        <w:pStyle w:val="NoSpacing"/>
        <w:rPr>
          <w:sz w:val="18"/>
        </w:rPr>
      </w:pPr>
      <w:r w:rsidRPr="001E0A23">
        <w:rPr>
          <w:sz w:val="18"/>
        </w:rPr>
        <w:tab/>
      </w:r>
      <w:r w:rsidRPr="001E0A23">
        <w:rPr>
          <w:sz w:val="18"/>
        </w:rPr>
        <w:tab/>
      </w:r>
      <w:r w:rsidR="0014091F" w:rsidRPr="001E0A23">
        <w:rPr>
          <w:sz w:val="18"/>
        </w:rPr>
        <w:t xml:space="preserve">: \s1\s2\w0\t0.!forall w_ref (!condition (s1 w_ref t0) (s2 w_ref t0)); </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super copular: whole sentence modal after aspect copula</w:t>
      </w:r>
    </w:p>
    <w:p w:rsidR="000B6726" w:rsidRPr="001E0A23" w:rsidRDefault="0014091F" w:rsidP="0014091F">
      <w:pPr>
        <w:pStyle w:val="NoSpacing"/>
        <w:rPr>
          <w:sz w:val="18"/>
        </w:rPr>
      </w:pPr>
      <w:r w:rsidRPr="001E0A23">
        <w:rPr>
          <w:sz w:val="18"/>
        </w:rPr>
        <w:t xml:space="preserve">-se </w:t>
      </w:r>
      <w:r w:rsidRPr="001E0A23">
        <w:rPr>
          <w:sz w:val="18"/>
        </w:rPr>
        <w:tab/>
        <w:t xml:space="preserve">c := (vp[vp=?x,mod=?x,pos=7]/s[pos=7])\*vp[vp=?x,mod=?x,pos=5] </w:t>
      </w:r>
    </w:p>
    <w:p w:rsidR="0014091F" w:rsidRPr="001E0A23" w:rsidRDefault="000B6726" w:rsidP="0014091F">
      <w:pPr>
        <w:pStyle w:val="NoSpacing"/>
        <w:rPr>
          <w:sz w:val="18"/>
        </w:rPr>
      </w:pPr>
      <w:r w:rsidRPr="001E0A23">
        <w:rPr>
          <w:sz w:val="18"/>
        </w:rPr>
        <w:tab/>
      </w:r>
      <w:r w:rsidRPr="001E0A23">
        <w:rPr>
          <w:sz w:val="18"/>
        </w:rPr>
        <w:tab/>
      </w:r>
      <w:r w:rsidR="0014091F" w:rsidRPr="001E0A23">
        <w:rPr>
          <w:sz w:val="18"/>
        </w:rPr>
        <w:t xml:space="preserve">: \s1\s2\w0\t0.!forall w_ref (!condition (s1 w_ref t0) (s2 w_ref t0)); </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generic agreement</w:t>
      </w:r>
    </w:p>
    <w:p w:rsidR="0014091F" w:rsidRPr="001E0A23" w:rsidRDefault="0014091F" w:rsidP="0014091F">
      <w:pPr>
        <w:pStyle w:val="NoSpacing"/>
        <w:rPr>
          <w:sz w:val="18"/>
        </w:rPr>
      </w:pPr>
      <w:r w:rsidRPr="001E0A23">
        <w:rPr>
          <w:sz w:val="18"/>
        </w:rPr>
        <w:t>%%agreement: vp=point XX for relative clauses, this section is simplified. Also trying to move on from generic person markers to specific ones.</w:t>
      </w:r>
    </w:p>
    <w:p w:rsidR="0014091F" w:rsidRPr="001E0A23" w:rsidRDefault="0014091F" w:rsidP="0014091F">
      <w:pPr>
        <w:pStyle w:val="NoSpacing"/>
        <w:rPr>
          <w:sz w:val="18"/>
        </w:rPr>
      </w:pPr>
      <w:r w:rsidRPr="001E0A23">
        <w:rPr>
          <w:sz w:val="18"/>
        </w:rPr>
        <w:t>%%%agreement: aspect pos=4</w:t>
      </w:r>
    </w:p>
    <w:p w:rsidR="0014091F" w:rsidRPr="001E0A23" w:rsidRDefault="0014091F" w:rsidP="0014091F">
      <w:pPr>
        <w:pStyle w:val="NoSpacing"/>
        <w:rPr>
          <w:sz w:val="18"/>
        </w:rPr>
      </w:pPr>
      <w:r w:rsidRPr="001E0A23">
        <w:rPr>
          <w:sz w:val="18"/>
        </w:rPr>
        <w:t>-agr</w:t>
      </w:r>
      <w:r w:rsidRPr="001E0A23">
        <w:rPr>
          <w:sz w:val="18"/>
        </w:rPr>
        <w:tab/>
        <w:t>c := s[mod=?x,pos=7,genmod=pos]\\vp[mod=?x,pos=4] : \p.p;</w:t>
      </w:r>
    </w:p>
    <w:p w:rsidR="0014091F" w:rsidRPr="001E0A23" w:rsidRDefault="0014091F" w:rsidP="0014091F">
      <w:pPr>
        <w:pStyle w:val="NoSpacing"/>
        <w:rPr>
          <w:sz w:val="18"/>
        </w:rPr>
      </w:pPr>
      <w:r w:rsidRPr="001E0A23">
        <w:rPr>
          <w:sz w:val="18"/>
        </w:rPr>
        <w:t>-agr</w:t>
      </w:r>
      <w:r w:rsidRPr="001E0A23">
        <w:rPr>
          <w:sz w:val="18"/>
        </w:rPr>
        <w:tab/>
        <w:t>c := (s[mod=?x,pos=7,genmod=pos]\np)\\(vp[mod=?x,pos=4]\np) : \p\x.p x;</w:t>
      </w:r>
    </w:p>
    <w:p w:rsidR="0014091F" w:rsidRPr="001E0A23" w:rsidRDefault="0014091F" w:rsidP="0014091F">
      <w:pPr>
        <w:pStyle w:val="NoSpacing"/>
        <w:rPr>
          <w:sz w:val="18"/>
        </w:rPr>
      </w:pPr>
      <w:r w:rsidRPr="001E0A23">
        <w:rPr>
          <w:sz w:val="18"/>
        </w:rPr>
        <w:t>-agr</w:t>
      </w:r>
      <w:r w:rsidRPr="001E0A23">
        <w:rPr>
          <w:sz w:val="18"/>
        </w:rPr>
        <w:tab/>
        <w:t>c := ((s[mod=?x,pos=7,genmod=pos]\np)\np)\\((vp[mod=?x,pos=4]\np)\np) : \p\x\y.p x y;</w:t>
      </w:r>
    </w:p>
    <w:p w:rsidR="00F92546" w:rsidRPr="001E0A23" w:rsidRDefault="0014091F" w:rsidP="0014091F">
      <w:pPr>
        <w:pStyle w:val="NoSpacing"/>
        <w:rPr>
          <w:sz w:val="18"/>
        </w:rPr>
      </w:pPr>
      <w:r w:rsidRPr="001E0A23">
        <w:rPr>
          <w:sz w:val="18"/>
        </w:rPr>
        <w:t>-agr</w:t>
      </w:r>
      <w:r w:rsidRPr="001E0A23">
        <w:rPr>
          <w:sz w:val="18"/>
        </w:rPr>
        <w:tab/>
        <w:t xml:space="preserve">c := (((s[mod=?x,pos=7,genmod=pos]\np)\np)\np)\\(((vp[mod=?x,pos=4]\np)\np)\np) </w:t>
      </w:r>
    </w:p>
    <w:p w:rsidR="0014091F" w:rsidRPr="001E0A23" w:rsidRDefault="00F92546" w:rsidP="0014091F">
      <w:pPr>
        <w:pStyle w:val="NoSpacing"/>
        <w:rPr>
          <w:sz w:val="18"/>
        </w:rPr>
      </w:pPr>
      <w:r w:rsidRPr="001E0A23">
        <w:rPr>
          <w:sz w:val="18"/>
        </w:rPr>
        <w:tab/>
      </w:r>
      <w:r w:rsidRPr="001E0A23">
        <w:rPr>
          <w:sz w:val="18"/>
        </w:rPr>
        <w:tab/>
      </w:r>
      <w:r w:rsidR="0014091F" w:rsidRPr="001E0A23">
        <w:rPr>
          <w:sz w:val="18"/>
        </w:rPr>
        <w:t>: \p\x\y\z.p x y z;</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agreement: conditional pos=4</w:t>
      </w:r>
    </w:p>
    <w:p w:rsidR="00BB7B20" w:rsidRPr="001E0A23" w:rsidRDefault="0014091F" w:rsidP="0014091F">
      <w:pPr>
        <w:pStyle w:val="NoSpacing"/>
        <w:rPr>
          <w:sz w:val="18"/>
        </w:rPr>
      </w:pPr>
      <w:r w:rsidRPr="001E0A23">
        <w:rPr>
          <w:sz w:val="18"/>
        </w:rPr>
        <w:t>-agr</w:t>
      </w:r>
      <w:r w:rsidRPr="001E0A23">
        <w:rPr>
          <w:sz w:val="18"/>
        </w:rPr>
        <w:tab/>
        <w:t xml:space="preserve">c := (s[mod=?x,pos=7,genmod=impos]/s[pos=7])\*(vp[mod=?x,pos=4]/s[pos=7]) </w:t>
      </w:r>
    </w:p>
    <w:p w:rsidR="0014091F" w:rsidRPr="001E0A23" w:rsidRDefault="00BB7B20" w:rsidP="0014091F">
      <w:pPr>
        <w:pStyle w:val="NoSpacing"/>
        <w:rPr>
          <w:sz w:val="18"/>
        </w:rPr>
      </w:pPr>
      <w:r w:rsidRPr="001E0A23">
        <w:rPr>
          <w:sz w:val="18"/>
        </w:rPr>
        <w:tab/>
      </w:r>
      <w:r w:rsidRPr="001E0A23">
        <w:rPr>
          <w:sz w:val="18"/>
        </w:rPr>
        <w:tab/>
      </w:r>
      <w:r w:rsidR="0014091F" w:rsidRPr="001E0A23">
        <w:rPr>
          <w:sz w:val="18"/>
        </w:rPr>
        <w:t>: \p\s.p s;</w:t>
      </w:r>
    </w:p>
    <w:p w:rsidR="00BB7B20" w:rsidRPr="001E0A23" w:rsidRDefault="0014091F" w:rsidP="0014091F">
      <w:pPr>
        <w:pStyle w:val="NoSpacing"/>
        <w:rPr>
          <w:sz w:val="18"/>
        </w:rPr>
      </w:pPr>
      <w:r w:rsidRPr="001E0A23">
        <w:rPr>
          <w:sz w:val="18"/>
        </w:rPr>
        <w:t>-agr</w:t>
      </w:r>
      <w:r w:rsidRPr="001E0A23">
        <w:rPr>
          <w:sz w:val="18"/>
        </w:rPr>
        <w:tab/>
        <w:t xml:space="preserve">c := ((s[mod=?x,pos=7,genmod=impos]/s[pos=7])\np)\*((vp[mod=?x,pos=4]/s[pos=7])\np) </w:t>
      </w:r>
    </w:p>
    <w:p w:rsidR="0014091F" w:rsidRPr="001E0A23" w:rsidRDefault="00BB7B20" w:rsidP="0014091F">
      <w:pPr>
        <w:pStyle w:val="NoSpacing"/>
        <w:rPr>
          <w:sz w:val="18"/>
        </w:rPr>
      </w:pPr>
      <w:r w:rsidRPr="001E0A23">
        <w:rPr>
          <w:sz w:val="18"/>
        </w:rPr>
        <w:tab/>
      </w:r>
      <w:r w:rsidRPr="001E0A23">
        <w:rPr>
          <w:sz w:val="18"/>
        </w:rPr>
        <w:tab/>
      </w:r>
      <w:r w:rsidR="0014091F" w:rsidRPr="001E0A23">
        <w:rPr>
          <w:sz w:val="18"/>
        </w:rPr>
        <w:t>: \p\x\s.p x s;</w:t>
      </w:r>
    </w:p>
    <w:p w:rsidR="00BB7B20" w:rsidRPr="001E0A23" w:rsidRDefault="0014091F" w:rsidP="0014091F">
      <w:pPr>
        <w:pStyle w:val="NoSpacing"/>
        <w:rPr>
          <w:sz w:val="18"/>
        </w:rPr>
      </w:pPr>
      <w:r w:rsidRPr="001E0A23">
        <w:rPr>
          <w:sz w:val="18"/>
        </w:rPr>
        <w:t>-agr</w:t>
      </w:r>
      <w:r w:rsidRPr="001E0A23">
        <w:rPr>
          <w:sz w:val="18"/>
        </w:rPr>
        <w:tab/>
        <w:t xml:space="preserve">c := (((s[mod=?x,pos=7,genmod=impos]/s[pos=7])\np)\np)\*(((vp[mod=?x,pos=4]/s[pos=7])\np)\np) </w:t>
      </w:r>
    </w:p>
    <w:p w:rsidR="0014091F" w:rsidRPr="001E0A23" w:rsidRDefault="00BB7B20" w:rsidP="0014091F">
      <w:pPr>
        <w:pStyle w:val="NoSpacing"/>
        <w:rPr>
          <w:sz w:val="18"/>
        </w:rPr>
      </w:pPr>
      <w:r w:rsidRPr="001E0A23">
        <w:rPr>
          <w:sz w:val="18"/>
        </w:rPr>
        <w:tab/>
      </w:r>
      <w:r w:rsidRPr="001E0A23">
        <w:rPr>
          <w:sz w:val="18"/>
        </w:rPr>
        <w:tab/>
      </w:r>
      <w:r w:rsidR="0014091F" w:rsidRPr="001E0A23">
        <w:rPr>
          <w:sz w:val="18"/>
        </w:rPr>
        <w:t>: \p\x\y\s.p x y s;</w:t>
      </w:r>
    </w:p>
    <w:p w:rsidR="00071BD5" w:rsidRPr="001E0A23" w:rsidRDefault="0014091F" w:rsidP="0014091F">
      <w:pPr>
        <w:pStyle w:val="NoSpacing"/>
        <w:rPr>
          <w:sz w:val="18"/>
        </w:rPr>
      </w:pPr>
      <w:r w:rsidRPr="001E0A23">
        <w:rPr>
          <w:sz w:val="18"/>
        </w:rPr>
        <w:t>-agr</w:t>
      </w:r>
      <w:r w:rsidRPr="001E0A23">
        <w:rPr>
          <w:sz w:val="18"/>
        </w:rPr>
        <w:tab/>
        <w:t xml:space="preserve">c := ((((s[mod=?x,pos=7,genmod=impos]/s[pos=7])\np)\np)\np)\*((((vp[mod=?x,pos=4]/s[pos=7])\np)\np)\np) </w:t>
      </w:r>
    </w:p>
    <w:p w:rsidR="0014091F" w:rsidRPr="001E0A23" w:rsidRDefault="00071BD5" w:rsidP="0014091F">
      <w:pPr>
        <w:pStyle w:val="NoSpacing"/>
        <w:rPr>
          <w:sz w:val="18"/>
        </w:rPr>
      </w:pPr>
      <w:r w:rsidRPr="001E0A23">
        <w:rPr>
          <w:sz w:val="18"/>
        </w:rPr>
        <w:tab/>
      </w:r>
      <w:r w:rsidRPr="001E0A23">
        <w:rPr>
          <w:sz w:val="18"/>
        </w:rPr>
        <w:tab/>
      </w:r>
      <w:r w:rsidR="0014091F" w:rsidRPr="001E0A23">
        <w:rPr>
          <w:sz w:val="18"/>
        </w:rPr>
        <w:t>: \p\x\y\z\s.p x y z s;</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agreement: aspect pos=5</w:t>
      </w:r>
    </w:p>
    <w:p w:rsidR="0014091F" w:rsidRPr="001E0A23" w:rsidRDefault="0014091F" w:rsidP="0014091F">
      <w:pPr>
        <w:pStyle w:val="NoSpacing"/>
        <w:rPr>
          <w:sz w:val="18"/>
        </w:rPr>
      </w:pPr>
      <w:r w:rsidRPr="001E0A23">
        <w:rPr>
          <w:sz w:val="18"/>
        </w:rPr>
        <w:t>-agr</w:t>
      </w:r>
      <w:r w:rsidRPr="001E0A23">
        <w:rPr>
          <w:sz w:val="18"/>
        </w:rPr>
        <w:tab/>
        <w:t xml:space="preserve">c := (s[mod=?x,pos=7,genmod=impos]\vp[vp=time_conv])\\(vp[mod=?x,pos=5]\vp[vp=time_conv]) </w:t>
      </w:r>
    </w:p>
    <w:p w:rsidR="0014091F" w:rsidRPr="001E0A23" w:rsidRDefault="0014091F" w:rsidP="0014091F">
      <w:pPr>
        <w:pStyle w:val="NoSpacing"/>
        <w:rPr>
          <w:sz w:val="18"/>
        </w:rPr>
      </w:pPr>
      <w:r w:rsidRPr="001E0A23">
        <w:rPr>
          <w:sz w:val="18"/>
        </w:rPr>
        <w:tab/>
      </w:r>
      <w:r w:rsidRPr="001E0A23">
        <w:rPr>
          <w:sz w:val="18"/>
        </w:rPr>
        <w:tab/>
        <w:t>: \p\v.p v;</w:t>
      </w:r>
    </w:p>
    <w:p w:rsidR="0014091F" w:rsidRPr="001E0A23" w:rsidRDefault="0014091F" w:rsidP="0014091F">
      <w:pPr>
        <w:pStyle w:val="NoSpacing"/>
        <w:rPr>
          <w:sz w:val="18"/>
        </w:rPr>
      </w:pPr>
      <w:r w:rsidRPr="001E0A23">
        <w:rPr>
          <w:sz w:val="18"/>
        </w:rPr>
        <w:t>-agr</w:t>
      </w:r>
      <w:r w:rsidRPr="001E0A23">
        <w:rPr>
          <w:sz w:val="18"/>
        </w:rPr>
        <w:tab/>
        <w:t xml:space="preserve">c := ((s[mod=?x,pos=7,genmod=impos]\np)\vp[vp=time_conv])\\((vp[mod=?x,pos=5]\np)\vp[vp=time_conv]) </w:t>
      </w:r>
    </w:p>
    <w:p w:rsidR="0014091F" w:rsidRPr="001E0A23" w:rsidRDefault="0014091F" w:rsidP="0014091F">
      <w:pPr>
        <w:pStyle w:val="NoSpacing"/>
        <w:rPr>
          <w:sz w:val="18"/>
        </w:rPr>
      </w:pPr>
      <w:r w:rsidRPr="001E0A23">
        <w:rPr>
          <w:sz w:val="18"/>
        </w:rPr>
        <w:tab/>
      </w:r>
      <w:r w:rsidRPr="001E0A23">
        <w:rPr>
          <w:sz w:val="18"/>
        </w:rPr>
        <w:tab/>
        <w:t>: \p\v\x.p v x;</w:t>
      </w:r>
    </w:p>
    <w:p w:rsidR="0014091F" w:rsidRPr="001E0A23" w:rsidRDefault="0014091F" w:rsidP="0014091F">
      <w:pPr>
        <w:pStyle w:val="NoSpacing"/>
        <w:rPr>
          <w:sz w:val="18"/>
        </w:rPr>
      </w:pPr>
      <w:r w:rsidRPr="001E0A23">
        <w:rPr>
          <w:sz w:val="18"/>
        </w:rPr>
        <w:lastRenderedPageBreak/>
        <w:t>-agr</w:t>
      </w:r>
      <w:r w:rsidRPr="001E0A23">
        <w:rPr>
          <w:sz w:val="18"/>
        </w:rPr>
        <w:tab/>
        <w:t xml:space="preserve">c := (((s[mod=?x,pos=7,genmod=impos]\np)\np)\vp[vp=time_conv])\\(((vp[mod=?x,pos=5]\np)\np)\vp[vp=time_conv]) </w:t>
      </w:r>
    </w:p>
    <w:p w:rsidR="0014091F" w:rsidRPr="001E0A23" w:rsidRDefault="0014091F" w:rsidP="0014091F">
      <w:pPr>
        <w:pStyle w:val="NoSpacing"/>
        <w:rPr>
          <w:sz w:val="18"/>
        </w:rPr>
      </w:pPr>
      <w:r w:rsidRPr="001E0A23">
        <w:rPr>
          <w:sz w:val="18"/>
        </w:rPr>
        <w:tab/>
      </w:r>
      <w:r w:rsidRPr="001E0A23">
        <w:rPr>
          <w:sz w:val="18"/>
        </w:rPr>
        <w:tab/>
        <w:t>: \p\v\x\y.p v x y;</w:t>
      </w:r>
    </w:p>
    <w:p w:rsidR="0014091F" w:rsidRPr="001E0A23" w:rsidRDefault="0014091F" w:rsidP="0014091F">
      <w:pPr>
        <w:pStyle w:val="NoSpacing"/>
        <w:rPr>
          <w:sz w:val="18"/>
        </w:rPr>
      </w:pPr>
      <w:r w:rsidRPr="001E0A23">
        <w:rPr>
          <w:sz w:val="18"/>
        </w:rPr>
        <w:t>-agr</w:t>
      </w:r>
      <w:r w:rsidRPr="001E0A23">
        <w:rPr>
          <w:sz w:val="18"/>
        </w:rPr>
        <w:tab/>
        <w:t xml:space="preserve">c := ((((s[mod=?x,pos=7,genmod=impos]\np)\np)\np)\vp[vp=time_conv])\\((((vp[mod=?x,pos=5]\np)\np)\np)\vp[vp=time_conv]) </w:t>
      </w:r>
    </w:p>
    <w:p w:rsidR="0014091F" w:rsidRPr="001E0A23" w:rsidRDefault="0014091F" w:rsidP="0014091F">
      <w:pPr>
        <w:pStyle w:val="NoSpacing"/>
        <w:rPr>
          <w:sz w:val="18"/>
        </w:rPr>
      </w:pPr>
      <w:r w:rsidRPr="001E0A23">
        <w:rPr>
          <w:sz w:val="18"/>
        </w:rPr>
        <w:tab/>
      </w:r>
      <w:r w:rsidRPr="001E0A23">
        <w:rPr>
          <w:sz w:val="18"/>
        </w:rPr>
        <w:tab/>
        <w:t>: \p\v\x\y\z.p v x y z;</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agreement: conditional pos=5</w:t>
      </w:r>
    </w:p>
    <w:p w:rsidR="00215127" w:rsidRPr="001E0A23" w:rsidRDefault="0014091F" w:rsidP="0014091F">
      <w:pPr>
        <w:pStyle w:val="NoSpacing"/>
        <w:rPr>
          <w:sz w:val="18"/>
        </w:rPr>
      </w:pPr>
      <w:r w:rsidRPr="001E0A23">
        <w:rPr>
          <w:sz w:val="18"/>
        </w:rPr>
        <w:t>-agr</w:t>
      </w:r>
      <w:r w:rsidRPr="001E0A23">
        <w:rPr>
          <w:sz w:val="18"/>
        </w:rPr>
        <w:tab/>
        <w:t xml:space="preserve">c := (s[mod=?x,pos=7,genmod=impos]/s[pos=7])\*(vp[mod=?x,pos=5]/s[pos=7]) </w:t>
      </w:r>
    </w:p>
    <w:p w:rsidR="0014091F" w:rsidRPr="001E0A23" w:rsidRDefault="00215127" w:rsidP="0014091F">
      <w:pPr>
        <w:pStyle w:val="NoSpacing"/>
        <w:rPr>
          <w:sz w:val="18"/>
        </w:rPr>
      </w:pPr>
      <w:r w:rsidRPr="001E0A23">
        <w:rPr>
          <w:sz w:val="18"/>
        </w:rPr>
        <w:tab/>
      </w:r>
      <w:r w:rsidRPr="001E0A23">
        <w:rPr>
          <w:sz w:val="18"/>
        </w:rPr>
        <w:tab/>
      </w:r>
      <w:r w:rsidR="0014091F" w:rsidRPr="001E0A23">
        <w:rPr>
          <w:sz w:val="18"/>
        </w:rPr>
        <w:t>: \p\s.p s;</w:t>
      </w:r>
    </w:p>
    <w:p w:rsidR="00215127" w:rsidRPr="001E0A23" w:rsidRDefault="0014091F" w:rsidP="0014091F">
      <w:pPr>
        <w:pStyle w:val="NoSpacing"/>
        <w:rPr>
          <w:sz w:val="18"/>
        </w:rPr>
      </w:pPr>
      <w:r w:rsidRPr="001E0A23">
        <w:rPr>
          <w:sz w:val="18"/>
        </w:rPr>
        <w:t>-agr</w:t>
      </w:r>
      <w:r w:rsidRPr="001E0A23">
        <w:rPr>
          <w:sz w:val="18"/>
        </w:rPr>
        <w:tab/>
        <w:t xml:space="preserve">c := ((s[mod=?x,pos=7,genmod=impos]/s[pos=7])\np)\*((vp[mod=?x,pos=5]/s[pos=7])\np) </w:t>
      </w:r>
    </w:p>
    <w:p w:rsidR="0014091F" w:rsidRPr="001E0A23" w:rsidRDefault="00215127" w:rsidP="0014091F">
      <w:pPr>
        <w:pStyle w:val="NoSpacing"/>
        <w:rPr>
          <w:sz w:val="18"/>
        </w:rPr>
      </w:pPr>
      <w:r w:rsidRPr="001E0A23">
        <w:rPr>
          <w:sz w:val="18"/>
        </w:rPr>
        <w:tab/>
      </w:r>
      <w:r w:rsidRPr="001E0A23">
        <w:rPr>
          <w:sz w:val="18"/>
        </w:rPr>
        <w:tab/>
      </w:r>
      <w:r w:rsidR="0014091F" w:rsidRPr="001E0A23">
        <w:rPr>
          <w:sz w:val="18"/>
        </w:rPr>
        <w:t>: \p\x\s.p x s;</w:t>
      </w:r>
    </w:p>
    <w:p w:rsidR="000B7510" w:rsidRPr="001E0A23" w:rsidRDefault="0014091F" w:rsidP="0014091F">
      <w:pPr>
        <w:pStyle w:val="NoSpacing"/>
        <w:rPr>
          <w:sz w:val="18"/>
        </w:rPr>
      </w:pPr>
      <w:r w:rsidRPr="001E0A23">
        <w:rPr>
          <w:sz w:val="18"/>
        </w:rPr>
        <w:t>-agr</w:t>
      </w:r>
      <w:r w:rsidRPr="001E0A23">
        <w:rPr>
          <w:sz w:val="18"/>
        </w:rPr>
        <w:tab/>
        <w:t xml:space="preserve">c := (((s[mod=?x,pos=7,genmod=impos]/s[pos=7])\np)\np)\*(((vp[mod=?x,pos=5]/s[pos=7])\np)\np) </w:t>
      </w:r>
    </w:p>
    <w:p w:rsidR="0014091F" w:rsidRPr="001E0A23" w:rsidRDefault="000B7510" w:rsidP="0014091F">
      <w:pPr>
        <w:pStyle w:val="NoSpacing"/>
        <w:rPr>
          <w:sz w:val="18"/>
        </w:rPr>
      </w:pPr>
      <w:r w:rsidRPr="001E0A23">
        <w:rPr>
          <w:sz w:val="18"/>
        </w:rPr>
        <w:tab/>
      </w:r>
      <w:r w:rsidRPr="001E0A23">
        <w:rPr>
          <w:sz w:val="18"/>
        </w:rPr>
        <w:tab/>
      </w:r>
      <w:r w:rsidR="0014091F" w:rsidRPr="001E0A23">
        <w:rPr>
          <w:sz w:val="18"/>
        </w:rPr>
        <w:t>: \p\x\y\s.p x y s;</w:t>
      </w:r>
    </w:p>
    <w:p w:rsidR="00D232CB" w:rsidRPr="001E0A23" w:rsidRDefault="0014091F" w:rsidP="0014091F">
      <w:pPr>
        <w:pStyle w:val="NoSpacing"/>
        <w:rPr>
          <w:sz w:val="18"/>
        </w:rPr>
      </w:pPr>
      <w:r w:rsidRPr="001E0A23">
        <w:rPr>
          <w:sz w:val="18"/>
        </w:rPr>
        <w:t>-agr</w:t>
      </w:r>
      <w:r w:rsidRPr="001E0A23">
        <w:rPr>
          <w:sz w:val="18"/>
        </w:rPr>
        <w:tab/>
        <w:t xml:space="preserve">c := ((((s[mod=?x,pos=7,genmod=impos]/s[pos=7])\np)\np)\np)\*((((vp[mod=?x,pos=5]/s[pos=7])\np)\np)\np) </w:t>
      </w:r>
    </w:p>
    <w:p w:rsidR="0014091F" w:rsidRPr="001E0A23" w:rsidRDefault="00D232CB" w:rsidP="0014091F">
      <w:pPr>
        <w:pStyle w:val="NoSpacing"/>
        <w:rPr>
          <w:sz w:val="18"/>
        </w:rPr>
      </w:pPr>
      <w:r w:rsidRPr="001E0A23">
        <w:rPr>
          <w:sz w:val="18"/>
        </w:rPr>
        <w:tab/>
      </w:r>
      <w:r w:rsidRPr="001E0A23">
        <w:rPr>
          <w:sz w:val="18"/>
        </w:rPr>
        <w:tab/>
      </w:r>
      <w:r w:rsidR="0014091F" w:rsidRPr="001E0A23">
        <w:rPr>
          <w:sz w:val="18"/>
        </w:rPr>
        <w:t>: \p\x\y\z\s.p x y z s;</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 xml:space="preserve">%%%agreement: whole sentence conditional copular </w:t>
      </w:r>
    </w:p>
    <w:p w:rsidR="00384B18" w:rsidRPr="001E0A23" w:rsidRDefault="0014091F" w:rsidP="0014091F">
      <w:pPr>
        <w:pStyle w:val="NoSpacing"/>
        <w:rPr>
          <w:sz w:val="18"/>
        </w:rPr>
      </w:pPr>
      <w:r w:rsidRPr="001E0A23">
        <w:rPr>
          <w:sz w:val="18"/>
        </w:rPr>
        <w:t>-agr</w:t>
      </w:r>
      <w:r w:rsidRPr="001E0A23">
        <w:rPr>
          <w:sz w:val="18"/>
        </w:rPr>
        <w:tab/>
        <w:t xml:space="preserve">c := ((s[mod=?x,pos=7,genmod=impos]/s[pos=7])\*s[pos=4])\*((vp[mod=?x,pos=5]/s[pos=7])\*s[pos=4]) </w:t>
      </w:r>
    </w:p>
    <w:p w:rsidR="0014091F" w:rsidRPr="001E0A23" w:rsidRDefault="00384B18" w:rsidP="0014091F">
      <w:pPr>
        <w:pStyle w:val="NoSpacing"/>
        <w:rPr>
          <w:sz w:val="18"/>
        </w:rPr>
      </w:pPr>
      <w:r w:rsidRPr="001E0A23">
        <w:rPr>
          <w:sz w:val="18"/>
        </w:rPr>
        <w:tab/>
      </w:r>
      <w:r w:rsidRPr="001E0A23">
        <w:rPr>
          <w:sz w:val="18"/>
        </w:rPr>
        <w:tab/>
      </w:r>
      <w:r w:rsidR="0014091F" w:rsidRPr="001E0A23">
        <w:rPr>
          <w:sz w:val="18"/>
        </w:rPr>
        <w:t>: \p\s\x.p s x;</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agreement: whole sentence super copular</w:t>
      </w:r>
    </w:p>
    <w:p w:rsidR="0014091F" w:rsidRPr="001E0A23" w:rsidRDefault="0014091F" w:rsidP="0014091F">
      <w:pPr>
        <w:pStyle w:val="NoSpacing"/>
        <w:rPr>
          <w:sz w:val="18"/>
        </w:rPr>
      </w:pPr>
      <w:r w:rsidRPr="001E0A23">
        <w:rPr>
          <w:sz w:val="18"/>
        </w:rPr>
        <w:t>-agr</w:t>
      </w:r>
      <w:r w:rsidRPr="001E0A23">
        <w:rPr>
          <w:sz w:val="18"/>
        </w:rPr>
        <w:tab/>
        <w:t>c := (s[mod=?x,pos=7,genmod=impos]/s[pos=7])\*(vp[mod=?x,pos=7]/s[pos=7]) : \p\s.p s;</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position 5</w:t>
      </w:r>
    </w:p>
    <w:p w:rsidR="0014091F" w:rsidRPr="001E0A23" w:rsidRDefault="0014091F" w:rsidP="0014091F">
      <w:pPr>
        <w:pStyle w:val="NoSpacing"/>
        <w:rPr>
          <w:sz w:val="18"/>
        </w:rPr>
      </w:pPr>
      <w:r w:rsidRPr="001E0A23">
        <w:rPr>
          <w:sz w:val="18"/>
        </w:rPr>
        <w:t>%%generalized modality only comes after agreements, not following conditionals or any copular markers or known past</w:t>
      </w:r>
    </w:p>
    <w:p w:rsidR="0014091F" w:rsidRPr="001E0A23" w:rsidRDefault="0014091F" w:rsidP="0014091F">
      <w:pPr>
        <w:pStyle w:val="NoSpacing"/>
        <w:rPr>
          <w:sz w:val="18"/>
        </w:rPr>
      </w:pPr>
      <w:r w:rsidRPr="001E0A23">
        <w:rPr>
          <w:sz w:val="18"/>
        </w:rPr>
        <w:t>%%need a feature to restri</w:t>
      </w:r>
      <w:bookmarkStart w:id="0" w:name="_GoBack"/>
      <w:bookmarkEnd w:id="0"/>
      <w:r w:rsidRPr="001E0A23">
        <w:rPr>
          <w:sz w:val="18"/>
        </w:rPr>
        <w:t xml:space="preserve">ct generalized modality to following the remaining suffixes </w:t>
      </w:r>
    </w:p>
    <w:p w:rsidR="0014091F" w:rsidRPr="001E0A23" w:rsidRDefault="0014091F" w:rsidP="0014091F">
      <w:pPr>
        <w:pStyle w:val="NoSpacing"/>
        <w:rPr>
          <w:sz w:val="18"/>
        </w:rPr>
      </w:pPr>
      <w:r w:rsidRPr="001E0A23">
        <w:rPr>
          <w:sz w:val="18"/>
        </w:rPr>
        <w:t>%%%generalized modality: passive intransitive</w:t>
      </w:r>
    </w:p>
    <w:p w:rsidR="0014091F" w:rsidRPr="001E0A23" w:rsidRDefault="0014091F" w:rsidP="0014091F">
      <w:pPr>
        <w:pStyle w:val="NoSpacing"/>
        <w:rPr>
          <w:sz w:val="18"/>
        </w:rPr>
      </w:pPr>
      <w:r w:rsidRPr="001E0A23">
        <w:rPr>
          <w:sz w:val="18"/>
        </w:rPr>
        <w:t>-dir</w:t>
      </w:r>
      <w:r w:rsidRPr="001E0A23">
        <w:rPr>
          <w:sz w:val="18"/>
        </w:rPr>
        <w:tab/>
        <w:t xml:space="preserve">c := s[pos=7,genmod=impos]\*s[pos=7,genmod=pos] </w:t>
      </w:r>
    </w:p>
    <w:p w:rsidR="0014091F" w:rsidRPr="001E0A23" w:rsidRDefault="0014091F" w:rsidP="0014091F">
      <w:pPr>
        <w:pStyle w:val="NoSpacing"/>
        <w:rPr>
          <w:sz w:val="18"/>
        </w:rPr>
      </w:pPr>
      <w:r w:rsidRPr="001E0A23">
        <w:rPr>
          <w:sz w:val="18"/>
        </w:rPr>
        <w:tab/>
      </w:r>
      <w:r w:rsidRPr="001E0A23">
        <w:rPr>
          <w:sz w:val="18"/>
        </w:rPr>
        <w:tab/>
        <w:t>: \p\w0\t0.!exists w_gmod (!and (!probability w0 w_gmod) (p w_g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generalized modality: intransitive</w:t>
      </w:r>
    </w:p>
    <w:p w:rsidR="0014091F" w:rsidRPr="001E0A23" w:rsidRDefault="0014091F" w:rsidP="0014091F">
      <w:pPr>
        <w:pStyle w:val="NoSpacing"/>
        <w:rPr>
          <w:sz w:val="18"/>
        </w:rPr>
      </w:pPr>
      <w:r w:rsidRPr="001E0A23">
        <w:rPr>
          <w:sz w:val="18"/>
        </w:rPr>
        <w:t>-dir</w:t>
      </w:r>
      <w:r w:rsidRPr="001E0A23">
        <w:rPr>
          <w:sz w:val="18"/>
        </w:rPr>
        <w:tab/>
        <w:t xml:space="preserve">c := (s[pos=7,genmod=impos]\np)\*(s[pos=7,genmod=pos]\np) </w:t>
      </w:r>
    </w:p>
    <w:p w:rsidR="0014091F" w:rsidRPr="001E0A23" w:rsidRDefault="0014091F" w:rsidP="0014091F">
      <w:pPr>
        <w:pStyle w:val="NoSpacing"/>
        <w:rPr>
          <w:sz w:val="18"/>
        </w:rPr>
      </w:pPr>
      <w:r w:rsidRPr="001E0A23">
        <w:rPr>
          <w:sz w:val="18"/>
        </w:rPr>
        <w:tab/>
      </w:r>
      <w:r w:rsidRPr="001E0A23">
        <w:rPr>
          <w:sz w:val="18"/>
        </w:rPr>
        <w:tab/>
        <w:t>: \p\x\w0\t0.!exists w_gmod (!and (!probability w0 w_gmod) (p x w_g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generalized modality: transitive</w:t>
      </w:r>
    </w:p>
    <w:p w:rsidR="0014091F" w:rsidRPr="001E0A23" w:rsidRDefault="0014091F" w:rsidP="0014091F">
      <w:pPr>
        <w:pStyle w:val="NoSpacing"/>
        <w:rPr>
          <w:sz w:val="18"/>
        </w:rPr>
      </w:pPr>
      <w:r w:rsidRPr="001E0A23">
        <w:rPr>
          <w:sz w:val="18"/>
        </w:rPr>
        <w:t>-dir</w:t>
      </w:r>
      <w:r w:rsidRPr="001E0A23">
        <w:rPr>
          <w:sz w:val="18"/>
        </w:rPr>
        <w:tab/>
        <w:t xml:space="preserve">c := ((s[pos=7,genmod=impos]\np)\np)\*((s[pos=7,genmod=pos]\np)\np) </w:t>
      </w:r>
    </w:p>
    <w:p w:rsidR="0014091F" w:rsidRPr="001E0A23" w:rsidRDefault="0014091F" w:rsidP="0014091F">
      <w:pPr>
        <w:pStyle w:val="NoSpacing"/>
        <w:rPr>
          <w:sz w:val="18"/>
        </w:rPr>
      </w:pPr>
      <w:r w:rsidRPr="001E0A23">
        <w:rPr>
          <w:sz w:val="18"/>
        </w:rPr>
        <w:tab/>
      </w:r>
      <w:r w:rsidRPr="001E0A23">
        <w:rPr>
          <w:sz w:val="18"/>
        </w:rPr>
        <w:tab/>
        <w:t>: \p\x\y\w0\t0.!exists w_gmod (!and (!probability w0 w_gmod) (p x y w_gmod t0));</w:t>
      </w:r>
    </w:p>
    <w:p w:rsidR="0014091F" w:rsidRPr="001E0A23" w:rsidRDefault="0014091F" w:rsidP="0014091F">
      <w:pPr>
        <w:pStyle w:val="NoSpacing"/>
        <w:rPr>
          <w:sz w:val="18"/>
        </w:rPr>
      </w:pPr>
    </w:p>
    <w:p w:rsidR="0014091F" w:rsidRPr="001E0A23" w:rsidRDefault="0014091F" w:rsidP="0014091F">
      <w:pPr>
        <w:pStyle w:val="NoSpacing"/>
        <w:rPr>
          <w:sz w:val="18"/>
        </w:rPr>
      </w:pPr>
      <w:r w:rsidRPr="001E0A23">
        <w:rPr>
          <w:sz w:val="18"/>
        </w:rPr>
        <w:t>%%%generalized modality: transitive causative</w:t>
      </w:r>
    </w:p>
    <w:p w:rsidR="0014091F" w:rsidRPr="001E0A23" w:rsidRDefault="0014091F" w:rsidP="0014091F">
      <w:pPr>
        <w:pStyle w:val="NoSpacing"/>
        <w:rPr>
          <w:sz w:val="18"/>
        </w:rPr>
      </w:pPr>
      <w:r w:rsidRPr="001E0A23">
        <w:rPr>
          <w:sz w:val="18"/>
        </w:rPr>
        <w:t>-dir</w:t>
      </w:r>
      <w:r w:rsidRPr="001E0A23">
        <w:rPr>
          <w:sz w:val="18"/>
        </w:rPr>
        <w:tab/>
        <w:t xml:space="preserve">c := (((s[pos=7,genmod=impos]\np)\np)\np)\*(((s[pos=7,genmod=pos]\np)\np)\np) </w:t>
      </w:r>
    </w:p>
    <w:p w:rsidR="0014091F" w:rsidRPr="001E0A23" w:rsidRDefault="0014091F" w:rsidP="0014091F">
      <w:pPr>
        <w:pStyle w:val="NoSpacing"/>
        <w:rPr>
          <w:sz w:val="18"/>
        </w:rPr>
      </w:pPr>
      <w:r w:rsidRPr="001E0A23">
        <w:rPr>
          <w:sz w:val="18"/>
        </w:rPr>
        <w:tab/>
      </w:r>
      <w:r w:rsidRPr="001E0A23">
        <w:rPr>
          <w:sz w:val="18"/>
        </w:rPr>
        <w:tab/>
        <w:t>: \p\x\y\w0\t0.!exists w_gmod (!and (!probability w0 w_gmod) (p x y w_gmod t0));</w:t>
      </w:r>
    </w:p>
    <w:p w:rsidR="00142C9F" w:rsidRPr="001E0A23" w:rsidRDefault="00142C9F" w:rsidP="0014091F">
      <w:pPr>
        <w:pStyle w:val="NoSpacing"/>
        <w:rPr>
          <w:sz w:val="18"/>
        </w:rPr>
      </w:pPr>
    </w:p>
    <w:sectPr w:rsidR="00142C9F" w:rsidRPr="001E0A23" w:rsidSect="005C09AF">
      <w:pgSz w:w="11906" w:h="16838"/>
      <w:pgMar w:top="720" w:right="720" w:bottom="720" w:left="72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A2"/>
    <w:family w:val="swiss"/>
    <w:pitch w:val="variable"/>
    <w:sig w:usb0="E00002FF" w:usb1="4000ACFF" w:usb2="00000001" w:usb3="00000000" w:csb0="0000019F" w:csb1="00000000"/>
  </w:font>
  <w:font w:name="Times New Roman">
    <w:panose1 w:val="02020603050405020304"/>
    <w:charset w:val="A2"/>
    <w:family w:val="roman"/>
    <w:pitch w:val="variable"/>
    <w:sig w:usb0="E0002AFF" w:usb1="C0007841" w:usb2="00000009" w:usb3="00000000" w:csb0="000001FF" w:csb1="00000000"/>
  </w:font>
  <w:font w:name="Calibri Light">
    <w:panose1 w:val="020F0302020204030204"/>
    <w:charset w:val="A2"/>
    <w:family w:val="swiss"/>
    <w:pitch w:val="variable"/>
    <w:sig w:usb0="A00002EF" w:usb1="4000207B" w:usb2="00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defaultTabStop w:val="708"/>
  <w:hyphenationZone w:val="425"/>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091F"/>
    <w:rsid w:val="00046CE4"/>
    <w:rsid w:val="0006518A"/>
    <w:rsid w:val="00071BD5"/>
    <w:rsid w:val="00073514"/>
    <w:rsid w:val="000A3DE2"/>
    <w:rsid w:val="000B6726"/>
    <w:rsid w:val="000B7510"/>
    <w:rsid w:val="00101EA3"/>
    <w:rsid w:val="00123155"/>
    <w:rsid w:val="0014091F"/>
    <w:rsid w:val="00142C9F"/>
    <w:rsid w:val="00155A20"/>
    <w:rsid w:val="00170BF2"/>
    <w:rsid w:val="001E0A23"/>
    <w:rsid w:val="001F2D27"/>
    <w:rsid w:val="00215127"/>
    <w:rsid w:val="002726B8"/>
    <w:rsid w:val="0027299C"/>
    <w:rsid w:val="002A0043"/>
    <w:rsid w:val="002F09CB"/>
    <w:rsid w:val="00384B18"/>
    <w:rsid w:val="003B5EB1"/>
    <w:rsid w:val="003C201D"/>
    <w:rsid w:val="003E136F"/>
    <w:rsid w:val="00415C5E"/>
    <w:rsid w:val="00420E51"/>
    <w:rsid w:val="004755FB"/>
    <w:rsid w:val="004A3CA2"/>
    <w:rsid w:val="004F68CD"/>
    <w:rsid w:val="0051166E"/>
    <w:rsid w:val="005164FF"/>
    <w:rsid w:val="00540444"/>
    <w:rsid w:val="0054420A"/>
    <w:rsid w:val="005678B0"/>
    <w:rsid w:val="0057652C"/>
    <w:rsid w:val="0059189D"/>
    <w:rsid w:val="00592BAC"/>
    <w:rsid w:val="0059710F"/>
    <w:rsid w:val="005A3FC3"/>
    <w:rsid w:val="005A5042"/>
    <w:rsid w:val="005C09AF"/>
    <w:rsid w:val="005D5F0F"/>
    <w:rsid w:val="005F6269"/>
    <w:rsid w:val="00647883"/>
    <w:rsid w:val="00693209"/>
    <w:rsid w:val="006B6165"/>
    <w:rsid w:val="00710E53"/>
    <w:rsid w:val="00746B64"/>
    <w:rsid w:val="00771A7A"/>
    <w:rsid w:val="00774F50"/>
    <w:rsid w:val="00791A60"/>
    <w:rsid w:val="007A7E53"/>
    <w:rsid w:val="007B2FB5"/>
    <w:rsid w:val="007E44FA"/>
    <w:rsid w:val="00870490"/>
    <w:rsid w:val="00870D7C"/>
    <w:rsid w:val="008D3A64"/>
    <w:rsid w:val="00985DB3"/>
    <w:rsid w:val="009E1399"/>
    <w:rsid w:val="00A15CF1"/>
    <w:rsid w:val="00A678E2"/>
    <w:rsid w:val="00A70784"/>
    <w:rsid w:val="00A84768"/>
    <w:rsid w:val="00A87C28"/>
    <w:rsid w:val="00AB130D"/>
    <w:rsid w:val="00AB529F"/>
    <w:rsid w:val="00AC4239"/>
    <w:rsid w:val="00AF4862"/>
    <w:rsid w:val="00B778EA"/>
    <w:rsid w:val="00BA154B"/>
    <w:rsid w:val="00BB5693"/>
    <w:rsid w:val="00BB7B20"/>
    <w:rsid w:val="00C25EC5"/>
    <w:rsid w:val="00C70840"/>
    <w:rsid w:val="00CA0120"/>
    <w:rsid w:val="00D232CB"/>
    <w:rsid w:val="00D42F83"/>
    <w:rsid w:val="00D95576"/>
    <w:rsid w:val="00DF4030"/>
    <w:rsid w:val="00DF58AE"/>
    <w:rsid w:val="00E75DED"/>
    <w:rsid w:val="00E9689D"/>
    <w:rsid w:val="00EA21BE"/>
    <w:rsid w:val="00ED4594"/>
    <w:rsid w:val="00ED4FC0"/>
    <w:rsid w:val="00ED7507"/>
    <w:rsid w:val="00F2003F"/>
    <w:rsid w:val="00F571CB"/>
    <w:rsid w:val="00F836DB"/>
    <w:rsid w:val="00F8724F"/>
    <w:rsid w:val="00F90482"/>
    <w:rsid w:val="00F91149"/>
    <w:rsid w:val="00F92546"/>
  </w:rsids>
  <m:mathPr>
    <m:mathFont m:val="Cambria Math"/>
    <m:brkBin m:val="before"/>
    <m:brkBinSub m:val="--"/>
    <m:smallFrac m:val="0"/>
    <m:dispDef/>
    <m:lMargin m:val="0"/>
    <m:rMargin m:val="0"/>
    <m:defJc m:val="centerGroup"/>
    <m:wrapIndent m:val="1440"/>
    <m:intLim m:val="subSup"/>
    <m:naryLim m:val="undOvr"/>
  </m:mathPr>
  <w:themeFontLang w:val="tr-T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2ACCD187-AC60-4FF5-9130-A316C62DBCF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tr-TR"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14091F"/>
    <w:pPr>
      <w:spacing w:after="0" w:line="240" w:lineRule="auto"/>
    </w:pPr>
  </w:style>
  <w:style w:type="character" w:styleId="Hyperlink">
    <w:name w:val="Hyperlink"/>
    <w:basedOn w:val="DefaultParagraphFont"/>
    <w:uiPriority w:val="99"/>
    <w:unhideWhenUsed/>
    <w:rsid w:val="00A84768"/>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5" Type="http://schemas.openxmlformats.org/officeDocument/2006/relationships/theme" Target="theme/theme1.xml"/><Relationship Id="rId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42</TotalTime>
  <Pages>17</Pages>
  <Words>10733</Words>
  <Characters>61181</Characters>
  <Application>Microsoft Office Word</Application>
  <DocSecurity>0</DocSecurity>
  <Lines>509</Lines>
  <Paragraphs>143</Paragraphs>
  <ScaleCrop>false</ScaleCrop>
  <Company/>
  <LinksUpToDate>false</LinksUpToDate>
  <CharactersWithSpaces>7177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sus</dc:creator>
  <cp:keywords/>
  <dc:description/>
  <cp:lastModifiedBy>asus</cp:lastModifiedBy>
  <cp:revision>125</cp:revision>
  <dcterms:created xsi:type="dcterms:W3CDTF">2018-04-09T20:38:00Z</dcterms:created>
  <dcterms:modified xsi:type="dcterms:W3CDTF">2018-04-09T21:20:00Z</dcterms:modified>
</cp:coreProperties>
</file>